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2年度分\☆HP原稿\02_項目別（統計以降）（Excel）\"/>
    </mc:Choice>
  </mc:AlternateContent>
  <bookViews>
    <workbookView xWindow="0" yWindow="0" windowWidth="18804" windowHeight="2940"/>
  </bookViews>
  <sheets>
    <sheet name="一人当たりの保健事業の推移" sheetId="1" r:id="rId1"/>
    <sheet name="一人当たり一般会計繰入金（その他）の推移" sheetId="2" r:id="rId2"/>
  </sheets>
  <externalReferences>
    <externalReference r:id="rId3"/>
  </externalReference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人当たりの保健事業の推移!$A$1:$Q$47</definedName>
    <definedName name="_xlnm.Print_Area" localSheetId="1">'一人当たり一般会計繰入金（その他）の推移'!$A$1:$Q$4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5" uniqueCount="79">
  <si>
    <t>－</t>
  </si>
  <si>
    <t>県    平    均</t>
    <phoneticPr fontId="4"/>
  </si>
  <si>
    <t>組 合 平 均</t>
    <phoneticPr fontId="4"/>
  </si>
  <si>
    <t>市町村平均</t>
    <phoneticPr fontId="5"/>
  </si>
  <si>
    <t xml:space="preserve"> 建設連合</t>
  </si>
  <si>
    <t xml:space="preserve"> 建設業</t>
  </si>
  <si>
    <t xml:space="preserve"> 薬剤師</t>
  </si>
  <si>
    <t xml:space="preserve"> 食品衛生</t>
  </si>
  <si>
    <t xml:space="preserve"> 歯科医師</t>
  </si>
  <si>
    <t xml:space="preserve"> 医師</t>
  </si>
  <si>
    <t xml:space="preserve"> 清川村</t>
  </si>
  <si>
    <t xml:space="preserve"> 愛川町</t>
  </si>
  <si>
    <t xml:space="preserve"> 湯河原町</t>
  </si>
  <si>
    <t xml:space="preserve"> 真鶴町</t>
  </si>
  <si>
    <t xml:space="preserve"> 箱根町</t>
  </si>
  <si>
    <t xml:space="preserve"> 開成町</t>
  </si>
  <si>
    <t xml:space="preserve"> 山北町</t>
  </si>
  <si>
    <t xml:space="preserve"> 松田町</t>
  </si>
  <si>
    <t xml:space="preserve"> 大井町</t>
  </si>
  <si>
    <t xml:space="preserve"> 中井町</t>
  </si>
  <si>
    <t xml:space="preserve"> 二宮町</t>
  </si>
  <si>
    <t xml:space="preserve"> 大磯町</t>
  </si>
  <si>
    <t xml:space="preserve"> 綾瀬市</t>
  </si>
  <si>
    <t xml:space="preserve"> 寒川町</t>
  </si>
  <si>
    <t xml:space="preserve"> 葉山町</t>
  </si>
  <si>
    <t xml:space="preserve"> 南足柄市</t>
  </si>
  <si>
    <t xml:space="preserve"> 座間市</t>
  </si>
  <si>
    <t xml:space="preserve"> 海老名市</t>
  </si>
  <si>
    <t xml:space="preserve"> 伊勢原市</t>
  </si>
  <si>
    <t xml:space="preserve"> 大和市</t>
  </si>
  <si>
    <t xml:space="preserve"> 厚木市</t>
  </si>
  <si>
    <t xml:space="preserve"> 秦野市</t>
  </si>
  <si>
    <t xml:space="preserve"> 三浦市</t>
  </si>
  <si>
    <t xml:space="preserve"> 相模原市</t>
  </si>
  <si>
    <t xml:space="preserve"> 逗子市</t>
  </si>
  <si>
    <t xml:space="preserve"> 茅ヶ崎市</t>
  </si>
  <si>
    <t xml:space="preserve"> 小田原市</t>
  </si>
  <si>
    <t xml:space="preserve"> 藤沢市</t>
  </si>
  <si>
    <t xml:space="preserve"> 鎌倉市</t>
  </si>
  <si>
    <t xml:space="preserve"> 平塚市</t>
  </si>
  <si>
    <t xml:space="preserve"> 横須賀市</t>
  </si>
  <si>
    <t xml:space="preserve"> 川崎市</t>
  </si>
  <si>
    <t xml:space="preserve"> 横浜市</t>
  </si>
  <si>
    <t>伸率%</t>
  </si>
  <si>
    <t>位</t>
    <phoneticPr fontId="4"/>
  </si>
  <si>
    <t>（円）</t>
  </si>
  <si>
    <t>位</t>
    <phoneticPr fontId="4"/>
  </si>
  <si>
    <t>位</t>
  </si>
  <si>
    <t>位</t>
    <phoneticPr fontId="4"/>
  </si>
  <si>
    <t>元→２</t>
    <rPh sb="0" eb="1">
      <t>ガン</t>
    </rPh>
    <phoneticPr fontId="4"/>
  </si>
  <si>
    <t>順</t>
  </si>
  <si>
    <t>金額</t>
  </si>
  <si>
    <t>30→元</t>
    <rPh sb="3" eb="4">
      <t>ガン</t>
    </rPh>
    <phoneticPr fontId="4"/>
  </si>
  <si>
    <t>29→30</t>
  </si>
  <si>
    <t>28→29</t>
  </si>
  <si>
    <t>27→28</t>
  </si>
  <si>
    <t>２年度</t>
    <phoneticPr fontId="4"/>
  </si>
  <si>
    <t>元年度</t>
    <rPh sb="0" eb="1">
      <t>ガン</t>
    </rPh>
    <phoneticPr fontId="4"/>
  </si>
  <si>
    <t>30年度</t>
  </si>
  <si>
    <t>29年度</t>
  </si>
  <si>
    <t>28年度</t>
  </si>
  <si>
    <t>保険者名</t>
  </si>
  <si>
    <t>４.財政（１）　一人当たり保健事業費の推移</t>
    <phoneticPr fontId="4"/>
  </si>
  <si>
    <t>市町村平均</t>
    <rPh sb="0" eb="3">
      <t>シチョウソン</t>
    </rPh>
    <rPh sb="3" eb="5">
      <t>ヘイキン</t>
    </rPh>
    <phoneticPr fontId="13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13"/>
  </si>
  <si>
    <t>市    平    均</t>
    <rPh sb="5" eb="6">
      <t>ヒラ</t>
    </rPh>
    <rPh sb="10" eb="11">
      <t>ヒトシ</t>
    </rPh>
    <phoneticPr fontId="4"/>
  </si>
  <si>
    <t xml:space="preserve"> 藤野町</t>
  </si>
  <si>
    <t>-</t>
  </si>
  <si>
    <t xml:space="preserve"> 相模湖町</t>
  </si>
  <si>
    <t xml:space="preserve"> 津久井町</t>
  </si>
  <si>
    <t xml:space="preserve"> 城山町</t>
  </si>
  <si>
    <t>－</t>
    <phoneticPr fontId="4"/>
  </si>
  <si>
    <t>位</t>
    <phoneticPr fontId="4"/>
  </si>
  <si>
    <t>位</t>
    <phoneticPr fontId="4"/>
  </si>
  <si>
    <t>位</t>
    <phoneticPr fontId="4"/>
  </si>
  <si>
    <t>繰入額</t>
  </si>
  <si>
    <t>30→元</t>
    <rPh sb="3" eb="4">
      <t>モト</t>
    </rPh>
    <phoneticPr fontId="4"/>
  </si>
  <si>
    <t>２年度</t>
    <phoneticPr fontId="4"/>
  </si>
  <si>
    <t>４.財政（２）　一人当たり一般会計繰入金（その他）の推移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;[Red]\-#,##0\ "/>
    <numFmt numFmtId="177" formatCode="#,##0_);[Red]\(#,##0\)"/>
  </numFmts>
  <fonts count="1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9"/>
      <color rgb="FFCCECFF"/>
      <name val="ＭＳ Ｐゴシック"/>
      <family val="3"/>
      <charset val="128"/>
    </font>
    <font>
      <sz val="9"/>
      <name val="ＭＳ ゴシック"/>
      <family val="3"/>
      <charset val="128"/>
    </font>
    <font>
      <sz val="9"/>
      <color indexed="10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indexed="12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4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84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246">
    <xf numFmtId="0" fontId="0" fillId="0" borderId="0" xfId="0"/>
    <xf numFmtId="38" fontId="2" fillId="0" borderId="0" xfId="1" applyFont="1"/>
    <xf numFmtId="49" fontId="2" fillId="0" borderId="1" xfId="1" applyNumberFormat="1" applyFont="1" applyBorder="1" applyAlignment="1">
      <alignment horizontal="left"/>
    </xf>
    <xf numFmtId="4" fontId="2" fillId="0" borderId="2" xfId="1" applyNumberFormat="1" applyFont="1" applyFill="1" applyBorder="1"/>
    <xf numFmtId="38" fontId="2" fillId="0" borderId="3" xfId="1" applyFont="1" applyFill="1" applyBorder="1" applyAlignment="1">
      <alignment horizontal="center"/>
    </xf>
    <xf numFmtId="38" fontId="2" fillId="0" borderId="4" xfId="1" applyFont="1" applyFill="1" applyBorder="1"/>
    <xf numFmtId="4" fontId="2" fillId="0" borderId="5" xfId="2" applyNumberFormat="1" applyFont="1" applyFill="1" applyBorder="1"/>
    <xf numFmtId="3" fontId="2" fillId="0" borderId="3" xfId="2" applyNumberFormat="1" applyFont="1" applyFill="1" applyBorder="1" applyAlignment="1">
      <alignment horizontal="center"/>
    </xf>
    <xf numFmtId="3" fontId="2" fillId="0" borderId="4" xfId="2" applyNumberFormat="1" applyFont="1" applyFill="1" applyBorder="1"/>
    <xf numFmtId="4" fontId="2" fillId="0" borderId="6" xfId="2" applyNumberFormat="1" applyFont="1" applyFill="1" applyBorder="1"/>
    <xf numFmtId="4" fontId="2" fillId="0" borderId="3" xfId="2" applyNumberFormat="1" applyFont="1" applyFill="1" applyBorder="1" applyAlignment="1">
      <alignment horizontal="center"/>
    </xf>
    <xf numFmtId="4" fontId="2" fillId="0" borderId="7" xfId="2" applyNumberFormat="1" applyFont="1" applyFill="1" applyBorder="1"/>
    <xf numFmtId="38" fontId="2" fillId="0" borderId="5" xfId="2" applyNumberFormat="1" applyFont="1" applyFill="1" applyBorder="1" applyAlignment="1">
      <alignment horizontal="center"/>
    </xf>
    <xf numFmtId="38" fontId="2" fillId="0" borderId="4" xfId="2" applyNumberFormat="1" applyFont="1" applyFill="1" applyBorder="1"/>
    <xf numFmtId="38" fontId="2" fillId="0" borderId="6" xfId="1" applyFont="1" applyFill="1" applyBorder="1" applyAlignment="1">
      <alignment horizontal="distributed" justifyLastLine="1"/>
    </xf>
    <xf numFmtId="38" fontId="2" fillId="0" borderId="8" xfId="1" applyFont="1" applyFill="1" applyBorder="1" applyAlignment="1">
      <alignment horizontal="distributed" justifyLastLine="1"/>
    </xf>
    <xf numFmtId="4" fontId="2" fillId="0" borderId="9" xfId="1" applyNumberFormat="1" applyFont="1" applyFill="1" applyBorder="1"/>
    <xf numFmtId="38" fontId="2" fillId="0" borderId="10" xfId="1" applyFont="1" applyFill="1" applyBorder="1" applyAlignment="1">
      <alignment horizontal="center"/>
    </xf>
    <xf numFmtId="38" fontId="2" fillId="0" borderId="11" xfId="1" applyFont="1" applyFill="1" applyBorder="1"/>
    <xf numFmtId="4" fontId="2" fillId="0" borderId="12" xfId="2" applyNumberFormat="1" applyFont="1" applyFill="1" applyBorder="1"/>
    <xf numFmtId="3" fontId="2" fillId="0" borderId="10" xfId="2" applyNumberFormat="1" applyFont="1" applyFill="1" applyBorder="1" applyAlignment="1">
      <alignment horizontal="center"/>
    </xf>
    <xf numFmtId="3" fontId="2" fillId="0" borderId="11" xfId="2" applyNumberFormat="1" applyFont="1" applyFill="1" applyBorder="1"/>
    <xf numFmtId="4" fontId="2" fillId="0" borderId="13" xfId="2" applyNumberFormat="1" applyFont="1" applyFill="1" applyBorder="1"/>
    <xf numFmtId="4" fontId="2" fillId="0" borderId="10" xfId="2" applyNumberFormat="1" applyFont="1" applyFill="1" applyBorder="1" applyAlignment="1">
      <alignment horizontal="center"/>
    </xf>
    <xf numFmtId="4" fontId="2" fillId="0" borderId="14" xfId="2" applyNumberFormat="1" applyFont="1" applyFill="1" applyBorder="1"/>
    <xf numFmtId="38" fontId="2" fillId="0" borderId="12" xfId="2" applyNumberFormat="1" applyFont="1" applyFill="1" applyBorder="1" applyAlignment="1">
      <alignment horizontal="center"/>
    </xf>
    <xf numFmtId="38" fontId="2" fillId="0" borderId="11" xfId="2" applyNumberFormat="1" applyFont="1" applyFill="1" applyBorder="1"/>
    <xf numFmtId="38" fontId="2" fillId="0" borderId="13" xfId="1" applyFont="1" applyFill="1" applyBorder="1" applyAlignment="1">
      <alignment horizontal="distributed" justifyLastLine="1"/>
    </xf>
    <xf numFmtId="38" fontId="2" fillId="0" borderId="15" xfId="1" applyFont="1" applyFill="1" applyBorder="1" applyAlignment="1">
      <alignment horizontal="distributed" justifyLastLine="1"/>
    </xf>
    <xf numFmtId="4" fontId="2" fillId="0" borderId="16" xfId="1" applyNumberFormat="1" applyFont="1" applyFill="1" applyBorder="1"/>
    <xf numFmtId="38" fontId="6" fillId="0" borderId="0" xfId="1" applyFont="1"/>
    <xf numFmtId="4" fontId="2" fillId="0" borderId="17" xfId="1" applyNumberFormat="1" applyFont="1" applyFill="1" applyBorder="1"/>
    <xf numFmtId="38" fontId="2" fillId="0" borderId="18" xfId="1" applyFont="1" applyFill="1" applyBorder="1"/>
    <xf numFmtId="38" fontId="2" fillId="0" borderId="19" xfId="1" applyFont="1" applyFill="1" applyBorder="1"/>
    <xf numFmtId="4" fontId="2" fillId="0" borderId="20" xfId="2" applyNumberFormat="1" applyFont="1" applyFill="1" applyBorder="1"/>
    <xf numFmtId="3" fontId="2" fillId="0" borderId="21" xfId="2" applyNumberFormat="1" applyFont="1" applyFill="1" applyBorder="1"/>
    <xf numFmtId="3" fontId="2" fillId="0" borderId="22" xfId="2" applyNumberFormat="1" applyFont="1" applyFill="1" applyBorder="1"/>
    <xf numFmtId="4" fontId="2" fillId="0" borderId="23" xfId="2" applyNumberFormat="1" applyFont="1" applyFill="1" applyBorder="1"/>
    <xf numFmtId="4" fontId="2" fillId="0" borderId="24" xfId="2" applyNumberFormat="1" applyFont="1" applyFill="1" applyBorder="1"/>
    <xf numFmtId="38" fontId="2" fillId="0" borderId="20" xfId="2" applyNumberFormat="1" applyFont="1" applyFill="1" applyBorder="1"/>
    <xf numFmtId="38" fontId="2" fillId="0" borderId="22" xfId="2" applyNumberFormat="1" applyFont="1" applyFill="1" applyBorder="1"/>
    <xf numFmtId="38" fontId="7" fillId="0" borderId="25" xfId="1" applyFont="1" applyFill="1" applyBorder="1"/>
    <xf numFmtId="38" fontId="2" fillId="0" borderId="26" xfId="1" applyFont="1" applyFill="1" applyBorder="1"/>
    <xf numFmtId="4" fontId="2" fillId="0" borderId="27" xfId="1" applyNumberFormat="1" applyFont="1" applyFill="1" applyBorder="1"/>
    <xf numFmtId="38" fontId="2" fillId="0" borderId="28" xfId="1" applyFont="1" applyFill="1" applyBorder="1"/>
    <xf numFmtId="38" fontId="2" fillId="0" borderId="29" xfId="1" applyFont="1" applyFill="1" applyBorder="1"/>
    <xf numFmtId="4" fontId="2" fillId="0" borderId="30" xfId="2" applyNumberFormat="1" applyFont="1" applyFill="1" applyBorder="1"/>
    <xf numFmtId="3" fontId="2" fillId="0" borderId="31" xfId="2" applyNumberFormat="1" applyFont="1" applyFill="1" applyBorder="1"/>
    <xf numFmtId="3" fontId="2" fillId="0" borderId="32" xfId="2" applyNumberFormat="1" applyFont="1" applyFill="1" applyBorder="1"/>
    <xf numFmtId="4" fontId="2" fillId="0" borderId="33" xfId="2" applyNumberFormat="1" applyFont="1" applyFill="1" applyBorder="1"/>
    <xf numFmtId="4" fontId="2" fillId="0" borderId="34" xfId="2" applyNumberFormat="1" applyFont="1" applyFill="1" applyBorder="1"/>
    <xf numFmtId="38" fontId="2" fillId="0" borderId="30" xfId="2" applyNumberFormat="1" applyFont="1" applyFill="1" applyBorder="1"/>
    <xf numFmtId="38" fontId="2" fillId="0" borderId="32" xfId="2" applyNumberFormat="1" applyFont="1" applyFill="1" applyBorder="1"/>
    <xf numFmtId="38" fontId="7" fillId="0" borderId="35" xfId="1" applyFont="1" applyFill="1" applyBorder="1"/>
    <xf numFmtId="38" fontId="2" fillId="0" borderId="36" xfId="1" applyFont="1" applyFill="1" applyBorder="1"/>
    <xf numFmtId="4" fontId="2" fillId="0" borderId="37" xfId="1" applyNumberFormat="1" applyFont="1" applyFill="1" applyBorder="1"/>
    <xf numFmtId="38" fontId="2" fillId="0" borderId="38" xfId="1" applyFont="1" applyFill="1" applyBorder="1"/>
    <xf numFmtId="38" fontId="2" fillId="0" borderId="39" xfId="1" applyFont="1" applyFill="1" applyBorder="1"/>
    <xf numFmtId="4" fontId="2" fillId="0" borderId="40" xfId="2" applyNumberFormat="1" applyFont="1" applyFill="1" applyBorder="1"/>
    <xf numFmtId="3" fontId="2" fillId="0" borderId="41" xfId="2" applyNumberFormat="1" applyFont="1" applyFill="1" applyBorder="1"/>
    <xf numFmtId="3" fontId="2" fillId="0" borderId="39" xfId="2" applyNumberFormat="1" applyFont="1" applyFill="1" applyBorder="1"/>
    <xf numFmtId="4" fontId="2" fillId="0" borderId="42" xfId="2" applyNumberFormat="1" applyFont="1" applyFill="1" applyBorder="1"/>
    <xf numFmtId="4" fontId="2" fillId="0" borderId="43" xfId="2" applyNumberFormat="1" applyFont="1" applyFill="1" applyBorder="1"/>
    <xf numFmtId="38" fontId="2" fillId="0" borderId="40" xfId="2" applyNumberFormat="1" applyFont="1" applyFill="1" applyBorder="1"/>
    <xf numFmtId="38" fontId="2" fillId="0" borderId="39" xfId="2" applyNumberFormat="1" applyFont="1" applyFill="1" applyBorder="1"/>
    <xf numFmtId="38" fontId="7" fillId="0" borderId="44" xfId="1" applyFont="1" applyFill="1" applyBorder="1"/>
    <xf numFmtId="38" fontId="2" fillId="0" borderId="45" xfId="1" applyFont="1" applyFill="1" applyBorder="1"/>
    <xf numFmtId="4" fontId="2" fillId="0" borderId="46" xfId="2" applyNumberFormat="1" applyFont="1" applyFill="1" applyBorder="1"/>
    <xf numFmtId="3" fontId="2" fillId="0" borderId="47" xfId="2" applyNumberFormat="1" applyFont="1" applyFill="1" applyBorder="1"/>
    <xf numFmtId="3" fontId="2" fillId="0" borderId="19" xfId="2" applyNumberFormat="1" applyFont="1" applyFill="1" applyBorder="1"/>
    <xf numFmtId="4" fontId="2" fillId="0" borderId="48" xfId="2" applyNumberFormat="1" applyFont="1" applyFill="1" applyBorder="1"/>
    <xf numFmtId="4" fontId="2" fillId="0" borderId="49" xfId="2" applyNumberFormat="1" applyFont="1" applyFill="1" applyBorder="1"/>
    <xf numFmtId="38" fontId="2" fillId="0" borderId="46" xfId="2" applyNumberFormat="1" applyFont="1" applyFill="1" applyBorder="1"/>
    <xf numFmtId="38" fontId="2" fillId="0" borderId="19" xfId="2" applyNumberFormat="1" applyFont="1" applyFill="1" applyBorder="1"/>
    <xf numFmtId="4" fontId="2" fillId="0" borderId="50" xfId="2" applyNumberFormat="1" applyFont="1" applyFill="1" applyBorder="1"/>
    <xf numFmtId="3" fontId="2" fillId="0" borderId="51" xfId="2" applyNumberFormat="1" applyFont="1" applyFill="1" applyBorder="1"/>
    <xf numFmtId="3" fontId="2" fillId="0" borderId="29" xfId="2" applyNumberFormat="1" applyFont="1" applyFill="1" applyBorder="1"/>
    <xf numFmtId="4" fontId="2" fillId="0" borderId="52" xfId="2" applyNumberFormat="1" applyFont="1" applyFill="1" applyBorder="1"/>
    <xf numFmtId="4" fontId="2" fillId="0" borderId="53" xfId="2" applyNumberFormat="1" applyFont="1" applyFill="1" applyBorder="1"/>
    <xf numFmtId="38" fontId="2" fillId="0" borderId="50" xfId="2" applyNumberFormat="1" applyFont="1" applyFill="1" applyBorder="1"/>
    <xf numFmtId="38" fontId="2" fillId="0" borderId="29" xfId="2" applyNumberFormat="1" applyFont="1" applyFill="1" applyBorder="1"/>
    <xf numFmtId="38" fontId="2" fillId="0" borderId="54" xfId="1" applyFont="1" applyFill="1" applyBorder="1"/>
    <xf numFmtId="38" fontId="2" fillId="0" borderId="32" xfId="1" applyFont="1" applyFill="1" applyBorder="1"/>
    <xf numFmtId="38" fontId="8" fillId="0" borderId="0" xfId="1" applyFont="1" applyAlignment="1">
      <alignment vertical="center"/>
    </xf>
    <xf numFmtId="38" fontId="2" fillId="0" borderId="55" xfId="1" applyFont="1" applyFill="1" applyBorder="1" applyAlignment="1">
      <alignment horizontal="center"/>
    </xf>
    <xf numFmtId="38" fontId="2" fillId="0" borderId="54" xfId="1" applyFont="1" applyFill="1" applyBorder="1" applyAlignment="1">
      <alignment horizontal="center"/>
    </xf>
    <xf numFmtId="38" fontId="2" fillId="0" borderId="32" xfId="1" applyFont="1" applyFill="1" applyBorder="1" applyAlignment="1">
      <alignment horizontal="center"/>
    </xf>
    <xf numFmtId="38" fontId="2" fillId="0" borderId="33" xfId="1" applyFont="1" applyFill="1" applyBorder="1" applyAlignment="1">
      <alignment horizontal="center"/>
    </xf>
    <xf numFmtId="38" fontId="2" fillId="0" borderId="31" xfId="1" applyFont="1" applyFill="1" applyBorder="1" applyAlignment="1">
      <alignment horizontal="center"/>
    </xf>
    <xf numFmtId="38" fontId="2" fillId="0" borderId="34" xfId="1" applyFont="1" applyFill="1" applyBorder="1" applyAlignment="1">
      <alignment horizontal="center"/>
    </xf>
    <xf numFmtId="38" fontId="2" fillId="0" borderId="30" xfId="1" applyFont="1" applyFill="1" applyBorder="1" applyAlignment="1">
      <alignment horizontal="center"/>
    </xf>
    <xf numFmtId="0" fontId="0" fillId="0" borderId="33" xfId="0" applyFill="1" applyBorder="1" applyAlignment="1">
      <alignment horizontal="distributed" vertical="center" justifyLastLine="1"/>
    </xf>
    <xf numFmtId="0" fontId="0" fillId="0" borderId="56" xfId="0" applyFill="1" applyBorder="1" applyAlignment="1">
      <alignment horizontal="distributed" vertical="center" justifyLastLine="1"/>
    </xf>
    <xf numFmtId="38" fontId="8" fillId="0" borderId="0" xfId="1" applyFont="1" applyAlignment="1">
      <alignment vertical="center" wrapText="1"/>
    </xf>
    <xf numFmtId="38" fontId="8" fillId="0" borderId="36" xfId="1" applyFont="1" applyBorder="1" applyAlignment="1">
      <alignment vertical="center" wrapText="1"/>
    </xf>
    <xf numFmtId="38" fontId="2" fillId="0" borderId="57" xfId="1" quotePrefix="1" applyFont="1" applyFill="1" applyBorder="1" applyAlignment="1">
      <alignment horizontal="center"/>
    </xf>
    <xf numFmtId="38" fontId="2" fillId="0" borderId="58" xfId="1" applyFont="1" applyFill="1" applyBorder="1" applyAlignment="1">
      <alignment horizontal="center"/>
    </xf>
    <xf numFmtId="38" fontId="2" fillId="0" borderId="59" xfId="1" applyFont="1" applyFill="1" applyBorder="1" applyAlignment="1">
      <alignment horizontal="center"/>
    </xf>
    <xf numFmtId="38" fontId="2" fillId="0" borderId="60" xfId="1" quotePrefix="1" applyFont="1" applyFill="1" applyBorder="1" applyAlignment="1">
      <alignment horizontal="center"/>
    </xf>
    <xf numFmtId="38" fontId="2" fillId="0" borderId="61" xfId="1" applyFont="1" applyFill="1" applyBorder="1" applyAlignment="1">
      <alignment horizontal="center"/>
    </xf>
    <xf numFmtId="38" fontId="2" fillId="0" borderId="62" xfId="1" quotePrefix="1" applyFont="1" applyFill="1" applyBorder="1" applyAlignment="1">
      <alignment horizontal="center"/>
    </xf>
    <xf numFmtId="38" fontId="2" fillId="0" borderId="63" xfId="1" quotePrefix="1" applyFont="1" applyFill="1" applyBorder="1" applyAlignment="1">
      <alignment horizontal="center"/>
    </xf>
    <xf numFmtId="38" fontId="2" fillId="0" borderId="61" xfId="1" quotePrefix="1" applyFont="1" applyFill="1" applyBorder="1" applyAlignment="1">
      <alignment horizontal="center"/>
    </xf>
    <xf numFmtId="38" fontId="2" fillId="0" borderId="0" xfId="1" quotePrefix="1" applyFont="1" applyFill="1" applyBorder="1" applyAlignment="1">
      <alignment horizontal="center"/>
    </xf>
    <xf numFmtId="0" fontId="0" fillId="0" borderId="64" xfId="0" applyFill="1" applyBorder="1" applyAlignment="1">
      <alignment horizontal="distributed" vertical="center" justifyLastLine="1"/>
    </xf>
    <xf numFmtId="0" fontId="0" fillId="0" borderId="36" xfId="0" applyFill="1" applyBorder="1" applyAlignment="1">
      <alignment horizontal="distributed" vertical="center" justifyLastLine="1"/>
    </xf>
    <xf numFmtId="38" fontId="2" fillId="0" borderId="0" xfId="1" applyFont="1" applyAlignment="1">
      <alignment vertical="center"/>
    </xf>
    <xf numFmtId="0" fontId="0" fillId="0" borderId="65" xfId="0" applyFill="1" applyBorder="1" applyAlignment="1">
      <alignment horizontal="distributed" justifyLastLine="1"/>
    </xf>
    <xf numFmtId="0" fontId="0" fillId="0" borderId="66" xfId="0" applyFill="1" applyBorder="1" applyAlignment="1">
      <alignment horizontal="distributed" justifyLastLine="1"/>
    </xf>
    <xf numFmtId="38" fontId="2" fillId="0" borderId="66" xfId="1" quotePrefix="1" applyFont="1" applyFill="1" applyBorder="1" applyAlignment="1">
      <alignment horizontal="distributed" justifyLastLine="1"/>
    </xf>
    <xf numFmtId="0" fontId="0" fillId="0" borderId="67" xfId="0" applyFill="1" applyBorder="1" applyAlignment="1">
      <alignment horizontal="distributed" justifyLastLine="1"/>
    </xf>
    <xf numFmtId="38" fontId="2" fillId="0" borderId="68" xfId="1" quotePrefix="1" applyFont="1" applyFill="1" applyBorder="1" applyAlignment="1">
      <alignment horizontal="distributed" justifyLastLine="1"/>
    </xf>
    <xf numFmtId="0" fontId="2" fillId="0" borderId="68" xfId="0" quotePrefix="1" applyFont="1" applyFill="1" applyBorder="1" applyAlignment="1">
      <alignment horizontal="distributed" justifyLastLine="1"/>
    </xf>
    <xf numFmtId="0" fontId="2" fillId="0" borderId="67" xfId="0" applyFont="1" applyFill="1" applyBorder="1" applyAlignment="1">
      <alignment horizontal="distributed" justifyLastLine="1"/>
    </xf>
    <xf numFmtId="0" fontId="2" fillId="0" borderId="66" xfId="0" applyFont="1" applyFill="1" applyBorder="1" applyAlignment="1">
      <alignment horizontal="distributed" justifyLastLine="1"/>
    </xf>
    <xf numFmtId="0" fontId="0" fillId="0" borderId="69" xfId="0" applyFill="1" applyBorder="1" applyAlignment="1">
      <alignment horizontal="distributed" vertical="center" justifyLastLine="1"/>
    </xf>
    <xf numFmtId="38" fontId="2" fillId="0" borderId="70" xfId="1" applyFont="1" applyFill="1" applyBorder="1" applyAlignment="1">
      <alignment horizontal="distributed" vertical="center" justifyLastLine="1"/>
    </xf>
    <xf numFmtId="38" fontId="2" fillId="0" borderId="0" xfId="1" applyFont="1" applyFill="1"/>
    <xf numFmtId="38" fontId="8" fillId="0" borderId="0" xfId="1" applyFont="1" applyFill="1" applyBorder="1" applyAlignment="1">
      <alignment horizontal="center"/>
    </xf>
    <xf numFmtId="38" fontId="9" fillId="0" borderId="0" xfId="1" quotePrefix="1" applyFont="1" applyFill="1"/>
    <xf numFmtId="49" fontId="10" fillId="0" borderId="0" xfId="1" applyNumberFormat="1" applyFont="1" applyFill="1"/>
    <xf numFmtId="38" fontId="11" fillId="0" borderId="0" xfId="1" applyFont="1"/>
    <xf numFmtId="4" fontId="2" fillId="0" borderId="72" xfId="1" applyNumberFormat="1" applyFont="1" applyFill="1" applyBorder="1"/>
    <xf numFmtId="4" fontId="2" fillId="0" borderId="73" xfId="2" applyNumberFormat="1" applyFont="1" applyFill="1" applyBorder="1"/>
    <xf numFmtId="3" fontId="2" fillId="0" borderId="74" xfId="2" applyNumberFormat="1" applyFont="1" applyFill="1" applyBorder="1" applyAlignment="1">
      <alignment horizontal="center"/>
    </xf>
    <xf numFmtId="3" fontId="2" fillId="0" borderId="75" xfId="2" applyNumberFormat="1" applyFont="1" applyFill="1" applyBorder="1"/>
    <xf numFmtId="4" fontId="2" fillId="0" borderId="76" xfId="2" applyNumberFormat="1" applyFont="1" applyFill="1" applyBorder="1"/>
    <xf numFmtId="3" fontId="2" fillId="0" borderId="75" xfId="2" applyNumberFormat="1" applyFont="1" applyFill="1" applyBorder="1" applyAlignment="1">
      <alignment horizontal="right"/>
    </xf>
    <xf numFmtId="4" fontId="2" fillId="0" borderId="77" xfId="2" applyNumberFormat="1" applyFont="1" applyFill="1" applyBorder="1"/>
    <xf numFmtId="177" fontId="2" fillId="0" borderId="73" xfId="2" applyNumberFormat="1" applyFont="1" applyFill="1" applyBorder="1" applyAlignment="1">
      <alignment horizontal="center"/>
    </xf>
    <xf numFmtId="177" fontId="2" fillId="0" borderId="75" xfId="2" applyNumberFormat="1" applyFont="1" applyFill="1" applyBorder="1"/>
    <xf numFmtId="40" fontId="2" fillId="0" borderId="77" xfId="2" applyNumberFormat="1" applyFont="1" applyFill="1" applyBorder="1"/>
    <xf numFmtId="0" fontId="0" fillId="0" borderId="6" xfId="0" applyFill="1" applyBorder="1" applyAlignment="1">
      <alignment horizontal="distributed" justifyLastLine="1"/>
    </xf>
    <xf numFmtId="38" fontId="12" fillId="0" borderId="8" xfId="1" applyFont="1" applyFill="1" applyBorder="1" applyAlignment="1">
      <alignment horizontal="distributed" justifyLastLine="1"/>
    </xf>
    <xf numFmtId="38" fontId="2" fillId="0" borderId="21" xfId="1" applyFont="1" applyFill="1" applyBorder="1" applyAlignment="1">
      <alignment horizontal="center"/>
    </xf>
    <xf numFmtId="38" fontId="2" fillId="0" borderId="22" xfId="1" applyFont="1" applyFill="1" applyBorder="1"/>
    <xf numFmtId="3" fontId="2" fillId="0" borderId="21" xfId="2" applyNumberFormat="1" applyFont="1" applyFill="1" applyBorder="1" applyAlignment="1">
      <alignment horizontal="center"/>
    </xf>
    <xf numFmtId="3" fontId="2" fillId="0" borderId="22" xfId="2" applyNumberFormat="1" applyFont="1" applyFill="1" applyBorder="1" applyAlignment="1">
      <alignment horizontal="right"/>
    </xf>
    <xf numFmtId="177" fontId="2" fillId="0" borderId="20" xfId="2" applyNumberFormat="1" applyFont="1" applyFill="1" applyBorder="1" applyAlignment="1">
      <alignment horizontal="center"/>
    </xf>
    <xf numFmtId="177" fontId="2" fillId="0" borderId="22" xfId="2" applyNumberFormat="1" applyFont="1" applyFill="1" applyBorder="1"/>
    <xf numFmtId="40" fontId="2" fillId="0" borderId="24" xfId="2" applyNumberFormat="1" applyFont="1" applyFill="1" applyBorder="1"/>
    <xf numFmtId="0" fontId="0" fillId="0" borderId="23" xfId="0" applyFill="1" applyBorder="1" applyAlignment="1">
      <alignment horizontal="distributed" justifyLastLine="1"/>
    </xf>
    <xf numFmtId="38" fontId="12" fillId="0" borderId="26" xfId="1" applyFont="1" applyFill="1" applyBorder="1" applyAlignment="1">
      <alignment horizontal="distributed" justifyLastLine="1"/>
    </xf>
    <xf numFmtId="3" fontId="2" fillId="0" borderId="11" xfId="2" applyNumberFormat="1" applyFont="1" applyFill="1" applyBorder="1" applyAlignment="1">
      <alignment horizontal="right"/>
    </xf>
    <xf numFmtId="177" fontId="2" fillId="0" borderId="12" xfId="2" applyNumberFormat="1" applyFont="1" applyFill="1" applyBorder="1" applyAlignment="1">
      <alignment horizontal="center"/>
    </xf>
    <xf numFmtId="177" fontId="2" fillId="0" borderId="11" xfId="2" applyNumberFormat="1" applyFont="1" applyFill="1" applyBorder="1"/>
    <xf numFmtId="40" fontId="2" fillId="0" borderId="14" xfId="2" applyNumberFormat="1" applyFont="1" applyFill="1" applyBorder="1"/>
    <xf numFmtId="0" fontId="0" fillId="0" borderId="13" xfId="0" applyFill="1" applyBorder="1" applyAlignment="1">
      <alignment horizontal="distributed" justifyLastLine="1"/>
    </xf>
    <xf numFmtId="38" fontId="12" fillId="0" borderId="15" xfId="1" applyFont="1" applyFill="1" applyBorder="1" applyAlignment="1">
      <alignment horizontal="distributed" justifyLastLine="1"/>
    </xf>
    <xf numFmtId="38" fontId="2" fillId="0" borderId="78" xfId="1" quotePrefix="1" applyFont="1" applyFill="1" applyBorder="1" applyAlignment="1">
      <alignment horizontal="center"/>
    </xf>
    <xf numFmtId="4" fontId="2" fillId="0" borderId="71" xfId="1" quotePrefix="1" applyNumberFormat="1" applyFont="1" applyFill="1" applyBorder="1" applyAlignment="1">
      <alignment horizontal="center"/>
    </xf>
    <xf numFmtId="3" fontId="2" fillId="0" borderId="63" xfId="1" quotePrefix="1" applyNumberFormat="1" applyFont="1" applyFill="1" applyBorder="1" applyAlignment="1">
      <alignment horizontal="center"/>
    </xf>
    <xf numFmtId="3" fontId="2" fillId="0" borderId="61" xfId="1" quotePrefix="1" applyNumberFormat="1" applyFont="1" applyFill="1" applyBorder="1" applyAlignment="1">
      <alignment horizontal="center"/>
    </xf>
    <xf numFmtId="40" fontId="2" fillId="0" borderId="79" xfId="1" quotePrefix="1" applyNumberFormat="1" applyFont="1" applyFill="1" applyBorder="1" applyAlignment="1">
      <alignment horizontal="center"/>
    </xf>
    <xf numFmtId="3" fontId="2" fillId="0" borderId="63" xfId="1" quotePrefix="1" applyNumberFormat="1" applyFont="1" applyFill="1" applyBorder="1" applyAlignment="1">
      <alignment horizontal="right"/>
    </xf>
    <xf numFmtId="3" fontId="2" fillId="0" borderId="61" xfId="1" quotePrefix="1" applyNumberFormat="1" applyFont="1" applyFill="1" applyBorder="1" applyAlignment="1">
      <alignment horizontal="right"/>
    </xf>
    <xf numFmtId="40" fontId="2" fillId="0" borderId="62" xfId="1" quotePrefix="1" applyNumberFormat="1" applyFont="1" applyFill="1" applyBorder="1" applyAlignment="1">
      <alignment horizontal="center"/>
    </xf>
    <xf numFmtId="177" fontId="2" fillId="0" borderId="71" xfId="1" quotePrefix="1" applyNumberFormat="1" applyFont="1" applyFill="1" applyBorder="1" applyAlignment="1">
      <alignment horizontal="center"/>
    </xf>
    <xf numFmtId="177" fontId="2" fillId="0" borderId="61" xfId="1" quotePrefix="1" applyNumberFormat="1" applyFont="1" applyFill="1" applyBorder="1" applyAlignment="1">
      <alignment horizontal="center"/>
    </xf>
    <xf numFmtId="38" fontId="2" fillId="0" borderId="80" xfId="1" applyFont="1" applyFill="1" applyBorder="1"/>
    <xf numFmtId="38" fontId="2" fillId="0" borderId="27" xfId="1" quotePrefix="1" applyFont="1" applyFill="1" applyBorder="1" applyAlignment="1">
      <alignment horizontal="center"/>
    </xf>
    <xf numFmtId="38" fontId="2" fillId="0" borderId="51" xfId="1" quotePrefix="1" applyFont="1" applyFill="1" applyBorder="1" applyAlignment="1">
      <alignment horizontal="center"/>
    </xf>
    <xf numFmtId="38" fontId="2" fillId="0" borderId="29" xfId="1" quotePrefix="1" applyFont="1" applyFill="1" applyBorder="1" applyAlignment="1">
      <alignment horizontal="center"/>
    </xf>
    <xf numFmtId="4" fontId="2" fillId="0" borderId="50" xfId="1" quotePrefix="1" applyNumberFormat="1" applyFont="1" applyFill="1" applyBorder="1" applyAlignment="1">
      <alignment horizontal="center"/>
    </xf>
    <xf numFmtId="3" fontId="2" fillId="0" borderId="51" xfId="1" quotePrefix="1" applyNumberFormat="1" applyFont="1" applyFill="1" applyBorder="1" applyAlignment="1">
      <alignment horizontal="center"/>
    </xf>
    <xf numFmtId="3" fontId="2" fillId="0" borderId="29" xfId="1" quotePrefix="1" applyNumberFormat="1" applyFont="1" applyFill="1" applyBorder="1" applyAlignment="1">
      <alignment horizontal="center"/>
    </xf>
    <xf numFmtId="40" fontId="2" fillId="0" borderId="52" xfId="1" quotePrefix="1" applyNumberFormat="1" applyFont="1" applyFill="1" applyBorder="1" applyAlignment="1">
      <alignment horizontal="center"/>
    </xf>
    <xf numFmtId="3" fontId="2" fillId="0" borderId="51" xfId="1" quotePrefix="1" applyNumberFormat="1" applyFont="1" applyFill="1" applyBorder="1" applyAlignment="1">
      <alignment horizontal="right"/>
    </xf>
    <xf numFmtId="3" fontId="2" fillId="0" borderId="29" xfId="1" quotePrefix="1" applyNumberFormat="1" applyFont="1" applyFill="1" applyBorder="1" applyAlignment="1">
      <alignment horizontal="right"/>
    </xf>
    <xf numFmtId="40" fontId="2" fillId="0" borderId="53" xfId="1" quotePrefix="1" applyNumberFormat="1" applyFont="1" applyFill="1" applyBorder="1" applyAlignment="1">
      <alignment horizontal="center"/>
    </xf>
    <xf numFmtId="177" fontId="2" fillId="0" borderId="50" xfId="1" quotePrefix="1" applyNumberFormat="1" applyFont="1" applyFill="1" applyBorder="1" applyAlignment="1">
      <alignment horizontal="center"/>
    </xf>
    <xf numFmtId="177" fontId="2" fillId="0" borderId="29" xfId="1" quotePrefix="1" applyNumberFormat="1" applyFont="1" applyFill="1" applyBorder="1" applyAlignment="1">
      <alignment horizontal="center"/>
    </xf>
    <xf numFmtId="38" fontId="2" fillId="0" borderId="35" xfId="1" applyFont="1" applyFill="1" applyBorder="1"/>
    <xf numFmtId="38" fontId="2" fillId="0" borderId="55" xfId="1" quotePrefix="1" applyFont="1" applyFill="1" applyBorder="1" applyAlignment="1">
      <alignment horizontal="center"/>
    </xf>
    <xf numFmtId="4" fontId="2" fillId="0" borderId="30" xfId="1" quotePrefix="1" applyNumberFormat="1" applyFont="1" applyFill="1" applyBorder="1" applyAlignment="1">
      <alignment horizontal="center"/>
    </xf>
    <xf numFmtId="3" fontId="2" fillId="0" borderId="31" xfId="1" quotePrefix="1" applyNumberFormat="1" applyFont="1" applyFill="1" applyBorder="1" applyAlignment="1">
      <alignment horizontal="center"/>
    </xf>
    <xf numFmtId="3" fontId="2" fillId="0" borderId="32" xfId="1" quotePrefix="1" applyNumberFormat="1" applyFont="1" applyFill="1" applyBorder="1" applyAlignment="1">
      <alignment horizontal="center"/>
    </xf>
    <xf numFmtId="40" fontId="2" fillId="0" borderId="33" xfId="1" quotePrefix="1" applyNumberFormat="1" applyFont="1" applyFill="1" applyBorder="1" applyAlignment="1">
      <alignment horizontal="center"/>
    </xf>
    <xf numFmtId="3" fontId="2" fillId="0" borderId="31" xfId="1" quotePrefix="1" applyNumberFormat="1" applyFont="1" applyFill="1" applyBorder="1" applyAlignment="1">
      <alignment horizontal="right"/>
    </xf>
    <xf numFmtId="3" fontId="2" fillId="0" borderId="32" xfId="1" quotePrefix="1" applyNumberFormat="1" applyFont="1" applyFill="1" applyBorder="1" applyAlignment="1">
      <alignment horizontal="right"/>
    </xf>
    <xf numFmtId="40" fontId="2" fillId="0" borderId="34" xfId="1" quotePrefix="1" applyNumberFormat="1" applyFont="1" applyFill="1" applyBorder="1" applyAlignment="1">
      <alignment horizontal="center"/>
    </xf>
    <xf numFmtId="177" fontId="2" fillId="0" borderId="30" xfId="1" quotePrefix="1" applyNumberFormat="1" applyFont="1" applyFill="1" applyBorder="1" applyAlignment="1">
      <alignment horizontal="center"/>
    </xf>
    <xf numFmtId="177" fontId="2" fillId="0" borderId="32" xfId="1" quotePrefix="1" applyNumberFormat="1" applyFont="1" applyFill="1" applyBorder="1" applyAlignment="1">
      <alignment horizontal="center"/>
    </xf>
    <xf numFmtId="4" fontId="2" fillId="0" borderId="27" xfId="1" quotePrefix="1" applyNumberFormat="1" applyFont="1" applyFill="1" applyBorder="1" applyAlignment="1">
      <alignment horizontal="center"/>
    </xf>
    <xf numFmtId="38" fontId="2" fillId="0" borderId="28" xfId="1" applyFont="1" applyFill="1" applyBorder="1" applyAlignment="1"/>
    <xf numFmtId="4" fontId="2" fillId="0" borderId="71" xfId="2" quotePrefix="1" applyNumberFormat="1" applyFont="1" applyFill="1" applyBorder="1" applyAlignment="1">
      <alignment horizontal="center"/>
    </xf>
    <xf numFmtId="3" fontId="2" fillId="0" borderId="63" xfId="2" quotePrefix="1" applyNumberFormat="1" applyFont="1" applyFill="1" applyBorder="1" applyAlignment="1">
      <alignment horizontal="right"/>
    </xf>
    <xf numFmtId="3" fontId="2" fillId="0" borderId="61" xfId="2" quotePrefix="1" applyNumberFormat="1" applyFont="1" applyFill="1" applyBorder="1" applyAlignment="1">
      <alignment horizontal="center"/>
    </xf>
    <xf numFmtId="40" fontId="2" fillId="0" borderId="79" xfId="2" quotePrefix="1" applyNumberFormat="1" applyFont="1" applyFill="1" applyBorder="1" applyAlignment="1">
      <alignment horizontal="center"/>
    </xf>
    <xf numFmtId="3" fontId="2" fillId="0" borderId="63" xfId="2" quotePrefix="1" applyNumberFormat="1" applyFont="1" applyFill="1" applyBorder="1" applyAlignment="1"/>
    <xf numFmtId="3" fontId="2" fillId="0" borderId="61" xfId="2" quotePrefix="1" applyNumberFormat="1" applyFont="1" applyFill="1" applyBorder="1" applyAlignment="1">
      <alignment horizontal="right"/>
    </xf>
    <xf numFmtId="40" fontId="2" fillId="0" borderId="49" xfId="2" quotePrefix="1" applyNumberFormat="1" applyFont="1" applyFill="1" applyBorder="1" applyAlignment="1">
      <alignment horizontal="center"/>
    </xf>
    <xf numFmtId="177" fontId="2" fillId="0" borderId="46" xfId="2" quotePrefix="1" applyNumberFormat="1" applyFont="1" applyFill="1" applyBorder="1" applyAlignment="1"/>
    <xf numFmtId="177" fontId="2" fillId="0" borderId="19" xfId="2" quotePrefix="1" applyNumberFormat="1" applyFont="1" applyFill="1" applyBorder="1" applyAlignment="1">
      <alignment horizontal="right"/>
    </xf>
    <xf numFmtId="3" fontId="2" fillId="0" borderId="51" xfId="2" applyNumberFormat="1" applyFont="1" applyFill="1" applyBorder="1" applyAlignment="1">
      <alignment horizontal="right"/>
    </xf>
    <xf numFmtId="3" fontId="2" fillId="0" borderId="51" xfId="2" applyNumberFormat="1" applyFont="1" applyFill="1" applyBorder="1" applyAlignment="1"/>
    <xf numFmtId="3" fontId="2" fillId="0" borderId="29" xfId="2" applyNumberFormat="1" applyFont="1" applyFill="1" applyBorder="1" applyAlignment="1">
      <alignment horizontal="right"/>
    </xf>
    <xf numFmtId="177" fontId="2" fillId="0" borderId="50" xfId="2" applyNumberFormat="1" applyFont="1" applyFill="1" applyBorder="1" applyAlignment="1"/>
    <xf numFmtId="177" fontId="2" fillId="0" borderId="29" xfId="2" applyNumberFormat="1" applyFont="1" applyFill="1" applyBorder="1"/>
    <xf numFmtId="40" fontId="2" fillId="0" borderId="53" xfId="2" applyNumberFormat="1" applyFont="1" applyFill="1" applyBorder="1"/>
    <xf numFmtId="4" fontId="2" fillId="0" borderId="50" xfId="2" quotePrefix="1" applyNumberFormat="1" applyFont="1" applyFill="1" applyBorder="1" applyAlignment="1">
      <alignment horizontal="center"/>
    </xf>
    <xf numFmtId="3" fontId="2" fillId="0" borderId="51" xfId="2" quotePrefix="1" applyNumberFormat="1" applyFont="1" applyFill="1" applyBorder="1" applyAlignment="1">
      <alignment horizontal="right"/>
    </xf>
    <xf numFmtId="3" fontId="2" fillId="0" borderId="29" xfId="2" quotePrefix="1" applyNumberFormat="1" applyFont="1" applyFill="1" applyBorder="1" applyAlignment="1">
      <alignment horizontal="center"/>
    </xf>
    <xf numFmtId="40" fontId="2" fillId="0" borderId="52" xfId="2" quotePrefix="1" applyNumberFormat="1" applyFont="1" applyFill="1" applyBorder="1" applyAlignment="1">
      <alignment horizontal="center"/>
    </xf>
    <xf numFmtId="3" fontId="2" fillId="0" borderId="51" xfId="2" quotePrefix="1" applyNumberFormat="1" applyFont="1" applyFill="1" applyBorder="1" applyAlignment="1"/>
    <xf numFmtId="3" fontId="2" fillId="0" borderId="29" xfId="2" quotePrefix="1" applyNumberFormat="1" applyFont="1" applyFill="1" applyBorder="1" applyAlignment="1">
      <alignment horizontal="right"/>
    </xf>
    <xf numFmtId="40" fontId="2" fillId="0" borderId="53" xfId="2" quotePrefix="1" applyNumberFormat="1" applyFont="1" applyFill="1" applyBorder="1" applyAlignment="1">
      <alignment horizontal="center"/>
    </xf>
    <xf numFmtId="177" fontId="2" fillId="0" borderId="50" xfId="2" quotePrefix="1" applyNumberFormat="1" applyFont="1" applyFill="1" applyBorder="1" applyAlignment="1"/>
    <xf numFmtId="177" fontId="2" fillId="0" borderId="29" xfId="2" quotePrefix="1" applyNumberFormat="1" applyFont="1" applyFill="1" applyBorder="1" applyAlignment="1">
      <alignment horizontal="right"/>
    </xf>
    <xf numFmtId="4" fontId="2" fillId="0" borderId="50" xfId="2" applyNumberFormat="1" applyFont="1" applyFill="1" applyBorder="1" applyAlignment="1">
      <alignment horizontal="center"/>
    </xf>
    <xf numFmtId="4" fontId="2" fillId="0" borderId="52" xfId="2" applyNumberFormat="1" applyFont="1" applyFill="1" applyBorder="1" applyAlignment="1">
      <alignment horizontal="center"/>
    </xf>
    <xf numFmtId="4" fontId="2" fillId="0" borderId="52" xfId="2" quotePrefix="1" applyNumberFormat="1" applyFont="1" applyFill="1" applyBorder="1" applyAlignment="1">
      <alignment horizontal="center"/>
    </xf>
    <xf numFmtId="4" fontId="2" fillId="0" borderId="53" xfId="2" quotePrefix="1" applyNumberFormat="1" applyFont="1" applyFill="1" applyBorder="1" applyAlignment="1">
      <alignment horizontal="center"/>
    </xf>
    <xf numFmtId="177" fontId="2" fillId="0" borderId="50" xfId="2" applyNumberFormat="1" applyFont="1" applyFill="1" applyBorder="1" applyAlignment="1">
      <alignment horizontal="right"/>
    </xf>
    <xf numFmtId="38" fontId="2" fillId="0" borderId="81" xfId="1" applyFont="1" applyFill="1" applyBorder="1"/>
    <xf numFmtId="38" fontId="2" fillId="0" borderId="54" xfId="1" applyFont="1" applyFill="1" applyBorder="1" applyAlignment="1"/>
    <xf numFmtId="3" fontId="2" fillId="0" borderId="31" xfId="2" applyNumberFormat="1" applyFont="1" applyFill="1" applyBorder="1" applyAlignment="1">
      <alignment horizontal="right"/>
    </xf>
    <xf numFmtId="3" fontId="2" fillId="0" borderId="31" xfId="2" applyNumberFormat="1" applyFont="1" applyFill="1" applyBorder="1" applyAlignment="1"/>
    <xf numFmtId="3" fontId="2" fillId="0" borderId="32" xfId="2" applyNumberFormat="1" applyFont="1" applyFill="1" applyBorder="1" applyAlignment="1">
      <alignment horizontal="right"/>
    </xf>
    <xf numFmtId="177" fontId="2" fillId="0" borderId="30" xfId="2" applyNumberFormat="1" applyFont="1" applyFill="1" applyBorder="1" applyAlignment="1"/>
    <xf numFmtId="177" fontId="2" fillId="0" borderId="32" xfId="2" applyNumberFormat="1" applyFont="1" applyFill="1" applyBorder="1"/>
    <xf numFmtId="38" fontId="2" fillId="0" borderId="55" xfId="1" applyFont="1" applyFill="1" applyBorder="1" applyAlignment="1">
      <alignment horizontal="centerContinuous"/>
    </xf>
    <xf numFmtId="38" fontId="2" fillId="0" borderId="82" xfId="1" applyFont="1" applyFill="1" applyBorder="1" applyAlignment="1">
      <alignment horizontal="center"/>
    </xf>
    <xf numFmtId="38" fontId="2" fillId="0" borderId="33" xfId="1" applyFont="1" applyFill="1" applyBorder="1" applyAlignment="1">
      <alignment horizontal="centerContinuous"/>
    </xf>
    <xf numFmtId="38" fontId="2" fillId="0" borderId="31" xfId="1" applyFont="1" applyFill="1" applyBorder="1" applyAlignment="1">
      <alignment horizontal="centerContinuous"/>
    </xf>
    <xf numFmtId="38" fontId="2" fillId="0" borderId="32" xfId="1" applyFont="1" applyFill="1" applyBorder="1" applyAlignment="1">
      <alignment horizontal="centerContinuous"/>
    </xf>
    <xf numFmtId="38" fontId="2" fillId="0" borderId="34" xfId="1" applyFont="1" applyFill="1" applyBorder="1" applyAlignment="1">
      <alignment horizontal="centerContinuous"/>
    </xf>
    <xf numFmtId="38" fontId="2" fillId="0" borderId="30" xfId="1" applyFont="1" applyFill="1" applyBorder="1" applyAlignment="1">
      <alignment horizontal="centerContinuous"/>
    </xf>
    <xf numFmtId="0" fontId="0" fillId="0" borderId="33" xfId="0" applyFill="1" applyBorder="1" applyAlignment="1">
      <alignment horizontal="distributed" justifyLastLine="1"/>
    </xf>
    <xf numFmtId="0" fontId="0" fillId="0" borderId="56" xfId="0" applyFill="1" applyBorder="1" applyAlignment="1">
      <alignment horizontal="distributed" justifyLastLine="1"/>
    </xf>
    <xf numFmtId="38" fontId="2" fillId="0" borderId="0" xfId="1" applyFont="1" applyBorder="1"/>
    <xf numFmtId="38" fontId="2" fillId="0" borderId="0" xfId="1" quotePrefix="1" applyFont="1" applyBorder="1"/>
    <xf numFmtId="38" fontId="2" fillId="0" borderId="63" xfId="1" applyFont="1" applyFill="1" applyBorder="1" applyAlignment="1">
      <alignment horizontal="center"/>
    </xf>
    <xf numFmtId="38" fontId="2" fillId="0" borderId="64" xfId="1" quotePrefix="1" applyFont="1" applyFill="1" applyBorder="1" applyAlignment="1">
      <alignment horizontal="center"/>
    </xf>
    <xf numFmtId="38" fontId="2" fillId="0" borderId="0" xfId="1" applyFont="1" applyFill="1" applyBorder="1" applyAlignment="1">
      <alignment horizontal="center"/>
    </xf>
    <xf numFmtId="38" fontId="2" fillId="0" borderId="83" xfId="1" quotePrefix="1" applyFont="1" applyFill="1" applyBorder="1" applyAlignment="1">
      <alignment horizontal="center"/>
    </xf>
    <xf numFmtId="38" fontId="2" fillId="0" borderId="71" xfId="1" quotePrefix="1" applyFont="1" applyFill="1" applyBorder="1" applyAlignment="1">
      <alignment horizontal="center"/>
    </xf>
    <xf numFmtId="0" fontId="0" fillId="0" borderId="64" xfId="0" applyFill="1" applyBorder="1" applyAlignment="1">
      <alignment horizontal="distributed" justifyLastLine="1"/>
    </xf>
    <xf numFmtId="0" fontId="0" fillId="0" borderId="36" xfId="0" applyFill="1" applyBorder="1" applyAlignment="1">
      <alignment horizontal="distributed" justifyLastLine="1"/>
    </xf>
    <xf numFmtId="0" fontId="10" fillId="0" borderId="65" xfId="0" applyFont="1" applyFill="1" applyBorder="1" applyAlignment="1">
      <alignment horizontal="distributed" justifyLastLine="1"/>
    </xf>
    <xf numFmtId="0" fontId="10" fillId="0" borderId="66" xfId="0" applyFont="1" applyFill="1" applyBorder="1" applyAlignment="1">
      <alignment horizontal="distributed" justifyLastLine="1"/>
    </xf>
    <xf numFmtId="0" fontId="10" fillId="0" borderId="67" xfId="0" applyFont="1" applyFill="1" applyBorder="1" applyAlignment="1">
      <alignment horizontal="distributed" justifyLastLine="1"/>
    </xf>
    <xf numFmtId="0" fontId="0" fillId="0" borderId="69" xfId="0" applyFill="1" applyBorder="1" applyAlignment="1">
      <alignment horizontal="distributed" justifyLastLine="1"/>
    </xf>
    <xf numFmtId="38" fontId="9" fillId="0" borderId="0" xfId="1" quotePrefix="1" applyFont="1"/>
    <xf numFmtId="38" fontId="6" fillId="0" borderId="0" xfId="1" applyFont="1" applyBorder="1"/>
    <xf numFmtId="176" fontId="2" fillId="0" borderId="0" xfId="1" applyNumberFormat="1" applyFont="1" applyBorder="1"/>
  </cellXfs>
  <cellStyles count="3">
    <cellStyle name="桁区切り" xfId="1" builtinId="6"/>
    <cellStyle name="桁区切り 2" xfId="2"/>
    <cellStyle name="標準" xfId="0" builtinId="0"/>
  </cellStyles>
  <dxfs count="1">
    <dxf>
      <font>
        <condense val="0"/>
        <extend val="0"/>
        <color indexed="1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group/g1385002/13%20&#32113;&#35336;/02%20&#20107;&#26989;&#29366;&#27841;/R02&#24180;&#24230;&#20998;/02_&#21407;&#31295;/03_&#9313;&#32113;&#35336;/R2&#21336;&#2942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【済】第9-1表（医療）"/>
      <sheetName val="【済】第9-2表（後期）"/>
      <sheetName val="【済】第9-3表（介護）"/>
      <sheetName val="(済)年齢階層"/>
      <sheetName val="実態調査"/>
      <sheetName val="（済）総所得※"/>
      <sheetName val="（済 ）一人調定"/>
      <sheetName val="（済）一世帯"/>
      <sheetName val="（済）負担率"/>
      <sheetName val="(済)現年"/>
      <sheetName val="（済）滞繰"/>
      <sheetName val="（済）現繰"/>
      <sheetName val="特定健診（新様式）"/>
      <sheetName val="保健指導（終了者）"/>
      <sheetName val="1特定健診（新様式）"/>
      <sheetName val="（済）特定保健指導（終了者）"/>
      <sheetName val="特定保健指導（終了者） (新様式)"/>
      <sheetName val="(未)全国データ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S48"/>
  <sheetViews>
    <sheetView tabSelected="1" zoomScaleNormal="100" zoomScaleSheetLayoutView="100" workbookViewId="0">
      <pane xSplit="2" ySplit="5" topLeftCell="C6" activePane="bottomRight" state="frozen"/>
      <selection pane="topRight" activeCell="C1" sqref="C1"/>
      <selection pane="bottomLeft" activeCell="A6" sqref="A6"/>
      <selection pane="bottomRight"/>
    </sheetView>
  </sheetViews>
  <sheetFormatPr defaultColWidth="9" defaultRowHeight="10.8" x14ac:dyDescent="0.15"/>
  <cols>
    <col min="1" max="1" width="3.6640625" style="1" customWidth="1"/>
    <col min="2" max="2" width="10" style="1" customWidth="1"/>
    <col min="3" max="3" width="8.109375" style="1" customWidth="1"/>
    <col min="4" max="4" width="3.109375" style="1" customWidth="1"/>
    <col min="5" max="5" width="6.109375" style="1" customWidth="1"/>
    <col min="6" max="6" width="8.109375" style="1" customWidth="1"/>
    <col min="7" max="7" width="3.109375" style="1" customWidth="1"/>
    <col min="8" max="8" width="6.109375" style="1" customWidth="1"/>
    <col min="9" max="9" width="8.109375" style="1" customWidth="1"/>
    <col min="10" max="10" width="3.109375" style="1" customWidth="1"/>
    <col min="11" max="11" width="6.109375" style="1" customWidth="1"/>
    <col min="12" max="12" width="8.109375" style="1" customWidth="1"/>
    <col min="13" max="13" width="3.109375" style="1" customWidth="1"/>
    <col min="14" max="14" width="6.109375" style="1" customWidth="1"/>
    <col min="15" max="15" width="8.109375" style="1" customWidth="1"/>
    <col min="16" max="16" width="3.109375" style="1" customWidth="1"/>
    <col min="17" max="17" width="6.109375" style="1" customWidth="1"/>
    <col min="18" max="18" width="11.33203125" style="1" bestFit="1" customWidth="1"/>
    <col min="19" max="19" width="8.109375" style="1" bestFit="1" customWidth="1"/>
    <col min="20" max="16384" width="9" style="1"/>
  </cols>
  <sheetData>
    <row r="1" spans="1:19" ht="16.5" customHeight="1" x14ac:dyDescent="0.2">
      <c r="A1" s="120" t="s">
        <v>62</v>
      </c>
      <c r="B1" s="117"/>
      <c r="C1" s="117"/>
      <c r="D1" s="117"/>
      <c r="E1" s="117"/>
      <c r="F1" s="117"/>
      <c r="G1" s="117"/>
      <c r="H1" s="117"/>
      <c r="I1" s="117"/>
      <c r="J1" s="117"/>
      <c r="K1" s="117"/>
      <c r="L1" s="117"/>
      <c r="M1" s="117"/>
      <c r="N1" s="117"/>
      <c r="O1" s="119"/>
      <c r="P1" s="117"/>
      <c r="Q1" s="117"/>
    </row>
    <row r="2" spans="1:19" ht="11.1" customHeight="1" thickBot="1" x14ac:dyDescent="0.2">
      <c r="A2" s="117"/>
      <c r="B2" s="117"/>
      <c r="C2" s="118"/>
      <c r="D2" s="118"/>
      <c r="E2" s="118"/>
      <c r="F2" s="118"/>
      <c r="G2" s="118"/>
      <c r="H2" s="118"/>
      <c r="I2" s="118"/>
      <c r="J2" s="118"/>
      <c r="K2" s="118"/>
      <c r="L2" s="118"/>
      <c r="M2" s="118"/>
      <c r="N2" s="118"/>
      <c r="O2" s="117"/>
      <c r="P2" s="117"/>
      <c r="Q2" s="117"/>
    </row>
    <row r="3" spans="1:19" s="106" customFormat="1" ht="15" customHeight="1" x14ac:dyDescent="0.2">
      <c r="A3" s="116" t="s">
        <v>61</v>
      </c>
      <c r="B3" s="115"/>
      <c r="C3" s="112" t="s">
        <v>60</v>
      </c>
      <c r="D3" s="114"/>
      <c r="E3" s="113"/>
      <c r="F3" s="112" t="s">
        <v>59</v>
      </c>
      <c r="G3" s="108"/>
      <c r="H3" s="110"/>
      <c r="I3" s="111" t="s">
        <v>58</v>
      </c>
      <c r="J3" s="108"/>
      <c r="K3" s="110"/>
      <c r="L3" s="111" t="s">
        <v>57</v>
      </c>
      <c r="M3" s="108"/>
      <c r="N3" s="110"/>
      <c r="O3" s="109" t="s">
        <v>56</v>
      </c>
      <c r="P3" s="108"/>
      <c r="Q3" s="107"/>
      <c r="S3" s="93"/>
    </row>
    <row r="4" spans="1:19" ht="12.75" customHeight="1" x14ac:dyDescent="0.15">
      <c r="A4" s="105"/>
      <c r="B4" s="104"/>
      <c r="C4" s="103" t="s">
        <v>51</v>
      </c>
      <c r="D4" s="101" t="s">
        <v>50</v>
      </c>
      <c r="E4" s="103" t="s">
        <v>55</v>
      </c>
      <c r="F4" s="99" t="s">
        <v>51</v>
      </c>
      <c r="G4" s="96" t="s">
        <v>50</v>
      </c>
      <c r="H4" s="100" t="s">
        <v>54</v>
      </c>
      <c r="I4" s="102" t="s">
        <v>51</v>
      </c>
      <c r="J4" s="101" t="s">
        <v>50</v>
      </c>
      <c r="K4" s="100" t="s">
        <v>53</v>
      </c>
      <c r="L4" s="99" t="s">
        <v>51</v>
      </c>
      <c r="M4" s="96" t="s">
        <v>50</v>
      </c>
      <c r="N4" s="98" t="s">
        <v>52</v>
      </c>
      <c r="O4" s="97" t="s">
        <v>51</v>
      </c>
      <c r="P4" s="96" t="s">
        <v>50</v>
      </c>
      <c r="Q4" s="95" t="s">
        <v>49</v>
      </c>
      <c r="R4" s="94"/>
      <c r="S4" s="93"/>
    </row>
    <row r="5" spans="1:19" ht="12.75" customHeight="1" x14ac:dyDescent="0.15">
      <c r="A5" s="92"/>
      <c r="B5" s="91"/>
      <c r="C5" s="90" t="s">
        <v>45</v>
      </c>
      <c r="D5" s="88" t="s">
        <v>47</v>
      </c>
      <c r="E5" s="90" t="s">
        <v>43</v>
      </c>
      <c r="F5" s="86" t="s">
        <v>45</v>
      </c>
      <c r="G5" s="85" t="s">
        <v>48</v>
      </c>
      <c r="H5" s="89" t="s">
        <v>43</v>
      </c>
      <c r="I5" s="86" t="s">
        <v>45</v>
      </c>
      <c r="J5" s="88" t="s">
        <v>47</v>
      </c>
      <c r="K5" s="87" t="s">
        <v>43</v>
      </c>
      <c r="L5" s="86" t="s">
        <v>45</v>
      </c>
      <c r="M5" s="88" t="s">
        <v>46</v>
      </c>
      <c r="N5" s="87" t="s">
        <v>43</v>
      </c>
      <c r="O5" s="86" t="s">
        <v>45</v>
      </c>
      <c r="P5" s="85" t="s">
        <v>44</v>
      </c>
      <c r="Q5" s="84" t="s">
        <v>43</v>
      </c>
      <c r="R5" s="83"/>
      <c r="S5" s="83"/>
    </row>
    <row r="6" spans="1:19" ht="19.5" customHeight="1" x14ac:dyDescent="0.15">
      <c r="A6" s="54">
        <v>1</v>
      </c>
      <c r="B6" s="53" t="s">
        <v>42</v>
      </c>
      <c r="C6" s="80">
        <v>1583</v>
      </c>
      <c r="D6" s="79">
        <v>33</v>
      </c>
      <c r="E6" s="78">
        <v>1.93</v>
      </c>
      <c r="F6" s="80">
        <v>1643</v>
      </c>
      <c r="G6" s="79">
        <v>33</v>
      </c>
      <c r="H6" s="78">
        <v>3.79</v>
      </c>
      <c r="I6" s="76">
        <v>2052</v>
      </c>
      <c r="J6" s="75">
        <v>33</v>
      </c>
      <c r="K6" s="77">
        <v>24.89</v>
      </c>
      <c r="L6" s="76">
        <v>2352</v>
      </c>
      <c r="M6" s="75">
        <v>33</v>
      </c>
      <c r="N6" s="74">
        <v>14.62</v>
      </c>
      <c r="O6" s="45">
        <v>2091</v>
      </c>
      <c r="P6" s="44">
        <v>32</v>
      </c>
      <c r="Q6" s="43">
        <v>-11.1</v>
      </c>
      <c r="R6" s="30"/>
      <c r="S6" s="30"/>
    </row>
    <row r="7" spans="1:19" ht="19.5" customHeight="1" x14ac:dyDescent="0.15">
      <c r="A7" s="54">
        <v>2</v>
      </c>
      <c r="B7" s="53" t="s">
        <v>41</v>
      </c>
      <c r="C7" s="80">
        <v>2086</v>
      </c>
      <c r="D7" s="79">
        <v>31</v>
      </c>
      <c r="E7" s="78">
        <v>2.66</v>
      </c>
      <c r="F7" s="80">
        <v>2253</v>
      </c>
      <c r="G7" s="79">
        <v>32</v>
      </c>
      <c r="H7" s="78">
        <v>8.01</v>
      </c>
      <c r="I7" s="76">
        <v>2238</v>
      </c>
      <c r="J7" s="75">
        <v>32</v>
      </c>
      <c r="K7" s="77">
        <v>-0.67</v>
      </c>
      <c r="L7" s="76">
        <v>2514</v>
      </c>
      <c r="M7" s="75">
        <v>31</v>
      </c>
      <c r="N7" s="74">
        <v>12.33</v>
      </c>
      <c r="O7" s="45">
        <v>2603</v>
      </c>
      <c r="P7" s="44">
        <v>29</v>
      </c>
      <c r="Q7" s="43">
        <v>3.54</v>
      </c>
      <c r="R7" s="30"/>
      <c r="S7" s="30"/>
    </row>
    <row r="8" spans="1:19" ht="19.5" customHeight="1" x14ac:dyDescent="0.15">
      <c r="A8" s="54">
        <v>3</v>
      </c>
      <c r="B8" s="53" t="s">
        <v>40</v>
      </c>
      <c r="C8" s="80">
        <v>2616</v>
      </c>
      <c r="D8" s="79">
        <v>26</v>
      </c>
      <c r="E8" s="78">
        <v>3.65</v>
      </c>
      <c r="F8" s="80">
        <v>2777</v>
      </c>
      <c r="G8" s="79">
        <v>26</v>
      </c>
      <c r="H8" s="78">
        <v>6.15</v>
      </c>
      <c r="I8" s="76">
        <v>2723</v>
      </c>
      <c r="J8" s="75">
        <v>28</v>
      </c>
      <c r="K8" s="77">
        <v>-1.94</v>
      </c>
      <c r="L8" s="76">
        <v>2873</v>
      </c>
      <c r="M8" s="75">
        <v>28</v>
      </c>
      <c r="N8" s="74">
        <v>5.51</v>
      </c>
      <c r="O8" s="45">
        <v>2337</v>
      </c>
      <c r="P8" s="44">
        <v>30</v>
      </c>
      <c r="Q8" s="43">
        <v>-18.66</v>
      </c>
      <c r="R8" s="30"/>
      <c r="S8" s="30"/>
    </row>
    <row r="9" spans="1:19" ht="19.5" customHeight="1" x14ac:dyDescent="0.15">
      <c r="A9" s="54">
        <v>4</v>
      </c>
      <c r="B9" s="53" t="s">
        <v>39</v>
      </c>
      <c r="C9" s="80">
        <v>2893</v>
      </c>
      <c r="D9" s="79">
        <v>21</v>
      </c>
      <c r="E9" s="78">
        <v>-8.33</v>
      </c>
      <c r="F9" s="80">
        <v>3278</v>
      </c>
      <c r="G9" s="79">
        <v>21</v>
      </c>
      <c r="H9" s="78">
        <v>13.31</v>
      </c>
      <c r="I9" s="76">
        <v>4191</v>
      </c>
      <c r="J9" s="75">
        <v>8</v>
      </c>
      <c r="K9" s="77">
        <v>27.85</v>
      </c>
      <c r="L9" s="76">
        <v>4144</v>
      </c>
      <c r="M9" s="75">
        <v>10</v>
      </c>
      <c r="N9" s="74">
        <v>-1.1200000000000001</v>
      </c>
      <c r="O9" s="45">
        <v>4022</v>
      </c>
      <c r="P9" s="44">
        <v>10</v>
      </c>
      <c r="Q9" s="43">
        <v>-2.94</v>
      </c>
      <c r="R9" s="30"/>
      <c r="S9" s="30"/>
    </row>
    <row r="10" spans="1:19" ht="19.5" customHeight="1" x14ac:dyDescent="0.15">
      <c r="A10" s="54">
        <v>5</v>
      </c>
      <c r="B10" s="53" t="s">
        <v>38</v>
      </c>
      <c r="C10" s="80">
        <v>3378</v>
      </c>
      <c r="D10" s="79">
        <v>13</v>
      </c>
      <c r="E10" s="78">
        <v>-1.46</v>
      </c>
      <c r="F10" s="80">
        <v>3580</v>
      </c>
      <c r="G10" s="79">
        <v>12</v>
      </c>
      <c r="H10" s="78">
        <v>5.98</v>
      </c>
      <c r="I10" s="76">
        <v>3465</v>
      </c>
      <c r="J10" s="75">
        <v>16</v>
      </c>
      <c r="K10" s="77">
        <v>-3.21</v>
      </c>
      <c r="L10" s="76">
        <v>3511</v>
      </c>
      <c r="M10" s="75">
        <v>18</v>
      </c>
      <c r="N10" s="74">
        <v>1.33</v>
      </c>
      <c r="O10" s="45">
        <v>2905</v>
      </c>
      <c r="P10" s="44">
        <v>26</v>
      </c>
      <c r="Q10" s="43">
        <v>-17.260000000000002</v>
      </c>
      <c r="R10" s="30"/>
      <c r="S10" s="30"/>
    </row>
    <row r="11" spans="1:19" ht="19.5" customHeight="1" x14ac:dyDescent="0.15">
      <c r="A11" s="54">
        <v>6</v>
      </c>
      <c r="B11" s="53" t="s">
        <v>37</v>
      </c>
      <c r="C11" s="80">
        <v>3520</v>
      </c>
      <c r="D11" s="79">
        <v>8</v>
      </c>
      <c r="E11" s="78">
        <v>0.17</v>
      </c>
      <c r="F11" s="80">
        <v>3578</v>
      </c>
      <c r="G11" s="79">
        <v>13</v>
      </c>
      <c r="H11" s="78">
        <v>1.65</v>
      </c>
      <c r="I11" s="76">
        <v>3426</v>
      </c>
      <c r="J11" s="75">
        <v>17</v>
      </c>
      <c r="K11" s="77">
        <v>-4.25</v>
      </c>
      <c r="L11" s="76">
        <v>3498</v>
      </c>
      <c r="M11" s="75">
        <v>19</v>
      </c>
      <c r="N11" s="74">
        <v>2.1</v>
      </c>
      <c r="O11" s="45">
        <v>3342</v>
      </c>
      <c r="P11" s="44">
        <v>18</v>
      </c>
      <c r="Q11" s="43">
        <v>-4.46</v>
      </c>
      <c r="R11" s="30"/>
      <c r="S11" s="30"/>
    </row>
    <row r="12" spans="1:19" ht="19.5" customHeight="1" x14ac:dyDescent="0.15">
      <c r="A12" s="54">
        <v>7</v>
      </c>
      <c r="B12" s="53" t="s">
        <v>36</v>
      </c>
      <c r="C12" s="80">
        <v>2848</v>
      </c>
      <c r="D12" s="79">
        <v>23</v>
      </c>
      <c r="E12" s="78">
        <v>6.27</v>
      </c>
      <c r="F12" s="80">
        <v>3076</v>
      </c>
      <c r="G12" s="79">
        <v>24</v>
      </c>
      <c r="H12" s="78">
        <v>8.01</v>
      </c>
      <c r="I12" s="76">
        <v>3021</v>
      </c>
      <c r="J12" s="75">
        <v>23</v>
      </c>
      <c r="K12" s="77">
        <v>-1.79</v>
      </c>
      <c r="L12" s="76">
        <v>3365</v>
      </c>
      <c r="M12" s="75">
        <v>20</v>
      </c>
      <c r="N12" s="74">
        <v>11.39</v>
      </c>
      <c r="O12" s="45">
        <v>3226</v>
      </c>
      <c r="P12" s="44">
        <v>20</v>
      </c>
      <c r="Q12" s="43">
        <v>-4.13</v>
      </c>
      <c r="R12" s="30"/>
      <c r="S12" s="30"/>
    </row>
    <row r="13" spans="1:19" ht="19.5" customHeight="1" x14ac:dyDescent="0.15">
      <c r="A13" s="54">
        <v>8</v>
      </c>
      <c r="B13" s="53" t="s">
        <v>35</v>
      </c>
      <c r="C13" s="80">
        <v>3183</v>
      </c>
      <c r="D13" s="79">
        <v>16</v>
      </c>
      <c r="E13" s="78">
        <v>-0.59</v>
      </c>
      <c r="F13" s="80">
        <v>3282</v>
      </c>
      <c r="G13" s="79">
        <v>20</v>
      </c>
      <c r="H13" s="78">
        <v>3.11</v>
      </c>
      <c r="I13" s="76">
        <v>3315</v>
      </c>
      <c r="J13" s="75">
        <v>20</v>
      </c>
      <c r="K13" s="77">
        <v>1.01</v>
      </c>
      <c r="L13" s="76">
        <v>3331</v>
      </c>
      <c r="M13" s="75">
        <v>22</v>
      </c>
      <c r="N13" s="74">
        <v>0.48</v>
      </c>
      <c r="O13" s="45">
        <v>2976</v>
      </c>
      <c r="P13" s="44">
        <v>25</v>
      </c>
      <c r="Q13" s="43">
        <v>-10.66</v>
      </c>
      <c r="R13" s="30"/>
      <c r="S13" s="30"/>
    </row>
    <row r="14" spans="1:19" ht="19.5" customHeight="1" x14ac:dyDescent="0.15">
      <c r="A14" s="54">
        <v>9</v>
      </c>
      <c r="B14" s="53" t="s">
        <v>34</v>
      </c>
      <c r="C14" s="80">
        <v>3072</v>
      </c>
      <c r="D14" s="79">
        <v>18</v>
      </c>
      <c r="E14" s="78">
        <v>-3.49</v>
      </c>
      <c r="F14" s="80">
        <v>2999</v>
      </c>
      <c r="G14" s="79">
        <v>25</v>
      </c>
      <c r="H14" s="78">
        <v>-2.38</v>
      </c>
      <c r="I14" s="76">
        <v>2945</v>
      </c>
      <c r="J14" s="75">
        <v>26</v>
      </c>
      <c r="K14" s="77">
        <v>-1.8</v>
      </c>
      <c r="L14" s="76">
        <v>3027</v>
      </c>
      <c r="M14" s="75">
        <v>26</v>
      </c>
      <c r="N14" s="74">
        <v>2.78</v>
      </c>
      <c r="O14" s="45">
        <v>2630</v>
      </c>
      <c r="P14" s="44">
        <v>28</v>
      </c>
      <c r="Q14" s="43">
        <v>-13.12</v>
      </c>
      <c r="R14" s="30"/>
      <c r="S14" s="30"/>
    </row>
    <row r="15" spans="1:19" ht="19.5" customHeight="1" x14ac:dyDescent="0.15">
      <c r="A15" s="54">
        <v>10</v>
      </c>
      <c r="B15" s="53" t="s">
        <v>33</v>
      </c>
      <c r="C15" s="80">
        <v>3449</v>
      </c>
      <c r="D15" s="79">
        <v>12</v>
      </c>
      <c r="E15" s="78">
        <v>1</v>
      </c>
      <c r="F15" s="80">
        <v>3562</v>
      </c>
      <c r="G15" s="79">
        <v>15</v>
      </c>
      <c r="H15" s="78">
        <v>3.28</v>
      </c>
      <c r="I15" s="76">
        <v>3830</v>
      </c>
      <c r="J15" s="75">
        <v>12</v>
      </c>
      <c r="K15" s="77">
        <v>7.52</v>
      </c>
      <c r="L15" s="76">
        <v>3924</v>
      </c>
      <c r="M15" s="75">
        <v>13</v>
      </c>
      <c r="N15" s="74">
        <v>2.4500000000000002</v>
      </c>
      <c r="O15" s="45">
        <v>3404</v>
      </c>
      <c r="P15" s="44">
        <v>17</v>
      </c>
      <c r="Q15" s="43">
        <v>-13.25</v>
      </c>
      <c r="R15" s="30"/>
      <c r="S15" s="30"/>
    </row>
    <row r="16" spans="1:19" ht="19.5" customHeight="1" x14ac:dyDescent="0.15">
      <c r="A16" s="54">
        <v>11</v>
      </c>
      <c r="B16" s="53" t="s">
        <v>32</v>
      </c>
      <c r="C16" s="80">
        <v>2931</v>
      </c>
      <c r="D16" s="79">
        <v>20</v>
      </c>
      <c r="E16" s="78">
        <v>10.85</v>
      </c>
      <c r="F16" s="80">
        <v>3570</v>
      </c>
      <c r="G16" s="79">
        <v>14</v>
      </c>
      <c r="H16" s="78">
        <v>21.8</v>
      </c>
      <c r="I16" s="76">
        <v>2996</v>
      </c>
      <c r="J16" s="75">
        <v>24</v>
      </c>
      <c r="K16" s="77">
        <v>-16.079999999999998</v>
      </c>
      <c r="L16" s="76">
        <v>2906</v>
      </c>
      <c r="M16" s="75">
        <v>27</v>
      </c>
      <c r="N16" s="74">
        <v>-3</v>
      </c>
      <c r="O16" s="45">
        <v>3214</v>
      </c>
      <c r="P16" s="44">
        <v>21</v>
      </c>
      <c r="Q16" s="43">
        <v>10.6</v>
      </c>
      <c r="R16" s="30"/>
      <c r="S16" s="30"/>
    </row>
    <row r="17" spans="1:19" ht="19.5" customHeight="1" x14ac:dyDescent="0.15">
      <c r="A17" s="54">
        <v>12</v>
      </c>
      <c r="B17" s="53" t="s">
        <v>31</v>
      </c>
      <c r="C17" s="80">
        <v>3864</v>
      </c>
      <c r="D17" s="79">
        <v>7</v>
      </c>
      <c r="E17" s="78">
        <v>-1.98</v>
      </c>
      <c r="F17" s="80">
        <v>4153</v>
      </c>
      <c r="G17" s="79">
        <v>8</v>
      </c>
      <c r="H17" s="78">
        <v>7.48</v>
      </c>
      <c r="I17" s="76">
        <v>4415</v>
      </c>
      <c r="J17" s="75">
        <v>7</v>
      </c>
      <c r="K17" s="77">
        <v>6.31</v>
      </c>
      <c r="L17" s="76">
        <v>4603</v>
      </c>
      <c r="M17" s="75">
        <v>7</v>
      </c>
      <c r="N17" s="74">
        <v>4.26</v>
      </c>
      <c r="O17" s="45">
        <v>4194</v>
      </c>
      <c r="P17" s="44">
        <v>9</v>
      </c>
      <c r="Q17" s="43">
        <v>-8.89</v>
      </c>
      <c r="R17" s="30"/>
      <c r="S17" s="30"/>
    </row>
    <row r="18" spans="1:19" ht="19.5" customHeight="1" x14ac:dyDescent="0.15">
      <c r="A18" s="54">
        <v>13</v>
      </c>
      <c r="B18" s="53" t="s">
        <v>30</v>
      </c>
      <c r="C18" s="80">
        <v>3361</v>
      </c>
      <c r="D18" s="79">
        <v>15</v>
      </c>
      <c r="E18" s="78">
        <v>12.41</v>
      </c>
      <c r="F18" s="80">
        <v>3589</v>
      </c>
      <c r="G18" s="79">
        <v>11</v>
      </c>
      <c r="H18" s="78">
        <v>6.78</v>
      </c>
      <c r="I18" s="76">
        <v>3890</v>
      </c>
      <c r="J18" s="75">
        <v>10</v>
      </c>
      <c r="K18" s="77">
        <v>8.39</v>
      </c>
      <c r="L18" s="76">
        <v>3963</v>
      </c>
      <c r="M18" s="75">
        <v>11</v>
      </c>
      <c r="N18" s="74">
        <v>1.88</v>
      </c>
      <c r="O18" s="45">
        <v>3785</v>
      </c>
      <c r="P18" s="44">
        <v>12</v>
      </c>
      <c r="Q18" s="43">
        <v>-4.49</v>
      </c>
      <c r="R18" s="30"/>
      <c r="S18" s="30"/>
    </row>
    <row r="19" spans="1:19" ht="19.5" customHeight="1" x14ac:dyDescent="0.15">
      <c r="A19" s="54">
        <v>14</v>
      </c>
      <c r="B19" s="53" t="s">
        <v>29</v>
      </c>
      <c r="C19" s="80">
        <v>4530</v>
      </c>
      <c r="D19" s="79">
        <v>3</v>
      </c>
      <c r="E19" s="78">
        <v>0.8</v>
      </c>
      <c r="F19" s="80">
        <v>4503</v>
      </c>
      <c r="G19" s="79">
        <v>4</v>
      </c>
      <c r="H19" s="78">
        <v>-0.6</v>
      </c>
      <c r="I19" s="76">
        <v>4609</v>
      </c>
      <c r="J19" s="75">
        <v>4</v>
      </c>
      <c r="K19" s="77">
        <v>2.35</v>
      </c>
      <c r="L19" s="76">
        <v>4392</v>
      </c>
      <c r="M19" s="75">
        <v>9</v>
      </c>
      <c r="N19" s="74">
        <v>-4.71</v>
      </c>
      <c r="O19" s="45">
        <v>4238</v>
      </c>
      <c r="P19" s="44">
        <v>8</v>
      </c>
      <c r="Q19" s="43">
        <v>-3.51</v>
      </c>
      <c r="R19" s="30"/>
      <c r="S19" s="30"/>
    </row>
    <row r="20" spans="1:19" ht="19.5" customHeight="1" x14ac:dyDescent="0.15">
      <c r="A20" s="54">
        <v>15</v>
      </c>
      <c r="B20" s="53" t="s">
        <v>28</v>
      </c>
      <c r="C20" s="80">
        <v>4347</v>
      </c>
      <c r="D20" s="79">
        <v>4</v>
      </c>
      <c r="E20" s="78">
        <v>3.23</v>
      </c>
      <c r="F20" s="80">
        <v>4367</v>
      </c>
      <c r="G20" s="79">
        <v>5</v>
      </c>
      <c r="H20" s="78">
        <v>0.46</v>
      </c>
      <c r="I20" s="76">
        <v>4571</v>
      </c>
      <c r="J20" s="75">
        <v>5</v>
      </c>
      <c r="K20" s="77">
        <v>4.67</v>
      </c>
      <c r="L20" s="76">
        <v>4778</v>
      </c>
      <c r="M20" s="75">
        <v>6</v>
      </c>
      <c r="N20" s="74">
        <v>4.53</v>
      </c>
      <c r="O20" s="45">
        <v>4485</v>
      </c>
      <c r="P20" s="44">
        <v>6</v>
      </c>
      <c r="Q20" s="43">
        <v>-6.13</v>
      </c>
      <c r="R20" s="30"/>
      <c r="S20" s="30"/>
    </row>
    <row r="21" spans="1:19" ht="19.5" customHeight="1" x14ac:dyDescent="0.15">
      <c r="A21" s="54">
        <v>16</v>
      </c>
      <c r="B21" s="53" t="s">
        <v>27</v>
      </c>
      <c r="C21" s="80">
        <v>3370</v>
      </c>
      <c r="D21" s="79">
        <v>14</v>
      </c>
      <c r="E21" s="78">
        <v>2.5299999999999998</v>
      </c>
      <c r="F21" s="80">
        <v>3471</v>
      </c>
      <c r="G21" s="79">
        <v>18</v>
      </c>
      <c r="H21" s="78">
        <v>3</v>
      </c>
      <c r="I21" s="76">
        <v>3380</v>
      </c>
      <c r="J21" s="75">
        <v>19</v>
      </c>
      <c r="K21" s="77">
        <v>-2.62</v>
      </c>
      <c r="L21" s="76">
        <v>3181</v>
      </c>
      <c r="M21" s="75">
        <v>25</v>
      </c>
      <c r="N21" s="74">
        <v>-5.89</v>
      </c>
      <c r="O21" s="45">
        <v>3551</v>
      </c>
      <c r="P21" s="44">
        <v>14</v>
      </c>
      <c r="Q21" s="43">
        <v>11.63</v>
      </c>
      <c r="R21" s="30"/>
      <c r="S21" s="30"/>
    </row>
    <row r="22" spans="1:19" ht="19.5" customHeight="1" x14ac:dyDescent="0.15">
      <c r="A22" s="54">
        <v>17</v>
      </c>
      <c r="B22" s="53" t="s">
        <v>26</v>
      </c>
      <c r="C22" s="80">
        <v>2419</v>
      </c>
      <c r="D22" s="79">
        <v>29</v>
      </c>
      <c r="E22" s="78">
        <v>6.1</v>
      </c>
      <c r="F22" s="80">
        <v>2578</v>
      </c>
      <c r="G22" s="79">
        <v>28</v>
      </c>
      <c r="H22" s="78">
        <v>6.57</v>
      </c>
      <c r="I22" s="76">
        <v>2564</v>
      </c>
      <c r="J22" s="75">
        <v>29</v>
      </c>
      <c r="K22" s="77">
        <v>-0.54</v>
      </c>
      <c r="L22" s="76">
        <v>2651</v>
      </c>
      <c r="M22" s="75">
        <v>30</v>
      </c>
      <c r="N22" s="74">
        <v>3.39</v>
      </c>
      <c r="O22" s="45">
        <v>2708</v>
      </c>
      <c r="P22" s="44">
        <v>27</v>
      </c>
      <c r="Q22" s="43">
        <v>2.15</v>
      </c>
      <c r="R22" s="30"/>
      <c r="S22" s="30"/>
    </row>
    <row r="23" spans="1:19" ht="19.5" customHeight="1" x14ac:dyDescent="0.15">
      <c r="A23" s="54">
        <v>18</v>
      </c>
      <c r="B23" s="53" t="s">
        <v>25</v>
      </c>
      <c r="C23" s="80">
        <v>2543</v>
      </c>
      <c r="D23" s="79">
        <v>27</v>
      </c>
      <c r="E23" s="78">
        <v>9.61</v>
      </c>
      <c r="F23" s="80">
        <v>2480</v>
      </c>
      <c r="G23" s="79">
        <v>30</v>
      </c>
      <c r="H23" s="78">
        <v>-2.48</v>
      </c>
      <c r="I23" s="76">
        <v>2370</v>
      </c>
      <c r="J23" s="75">
        <v>31</v>
      </c>
      <c r="K23" s="77">
        <v>-4.4400000000000004</v>
      </c>
      <c r="L23" s="76">
        <v>2776</v>
      </c>
      <c r="M23" s="75">
        <v>29</v>
      </c>
      <c r="N23" s="74">
        <v>17.13</v>
      </c>
      <c r="O23" s="45">
        <v>3526</v>
      </c>
      <c r="P23" s="44">
        <v>15</v>
      </c>
      <c r="Q23" s="43">
        <v>27.02</v>
      </c>
      <c r="R23" s="30"/>
      <c r="S23" s="30"/>
    </row>
    <row r="24" spans="1:19" ht="19.5" customHeight="1" x14ac:dyDescent="0.15">
      <c r="A24" s="54">
        <v>19</v>
      </c>
      <c r="B24" s="53" t="s">
        <v>24</v>
      </c>
      <c r="C24" s="52">
        <v>2644</v>
      </c>
      <c r="D24" s="51">
        <v>25</v>
      </c>
      <c r="E24" s="50">
        <v>1.23</v>
      </c>
      <c r="F24" s="52">
        <v>2568</v>
      </c>
      <c r="G24" s="51">
        <v>29</v>
      </c>
      <c r="H24" s="50">
        <v>-2.87</v>
      </c>
      <c r="I24" s="48">
        <v>2518</v>
      </c>
      <c r="J24" s="47">
        <v>30</v>
      </c>
      <c r="K24" s="49">
        <v>-1.95</v>
      </c>
      <c r="L24" s="48">
        <v>2383</v>
      </c>
      <c r="M24" s="47">
        <v>32</v>
      </c>
      <c r="N24" s="46">
        <v>-5.36</v>
      </c>
      <c r="O24" s="82">
        <v>2030</v>
      </c>
      <c r="P24" s="81">
        <v>33</v>
      </c>
      <c r="Q24" s="43">
        <v>-14.81</v>
      </c>
      <c r="R24" s="30"/>
      <c r="S24" s="30"/>
    </row>
    <row r="25" spans="1:19" ht="19.5" customHeight="1" x14ac:dyDescent="0.15">
      <c r="A25" s="54">
        <v>20</v>
      </c>
      <c r="B25" s="53" t="s">
        <v>23</v>
      </c>
      <c r="C25" s="80">
        <v>3151</v>
      </c>
      <c r="D25" s="79">
        <v>17</v>
      </c>
      <c r="E25" s="78">
        <v>1.61</v>
      </c>
      <c r="F25" s="80">
        <v>3216</v>
      </c>
      <c r="G25" s="79">
        <v>23</v>
      </c>
      <c r="H25" s="78">
        <v>2.06</v>
      </c>
      <c r="I25" s="76">
        <v>2759</v>
      </c>
      <c r="J25" s="75">
        <v>27</v>
      </c>
      <c r="K25" s="77">
        <v>-14.21</v>
      </c>
      <c r="L25" s="76">
        <v>3547</v>
      </c>
      <c r="M25" s="75">
        <v>17</v>
      </c>
      <c r="N25" s="74">
        <v>28.56</v>
      </c>
      <c r="O25" s="45">
        <v>4253</v>
      </c>
      <c r="P25" s="44">
        <v>7</v>
      </c>
      <c r="Q25" s="43">
        <v>19.899999999999999</v>
      </c>
      <c r="R25" s="30"/>
      <c r="S25" s="30"/>
    </row>
    <row r="26" spans="1:19" ht="19.5" customHeight="1" x14ac:dyDescent="0.15">
      <c r="A26" s="54">
        <v>21</v>
      </c>
      <c r="B26" s="53" t="s">
        <v>22</v>
      </c>
      <c r="C26" s="80">
        <v>2877</v>
      </c>
      <c r="D26" s="79">
        <v>22</v>
      </c>
      <c r="E26" s="78">
        <v>5.69</v>
      </c>
      <c r="F26" s="80">
        <v>3555</v>
      </c>
      <c r="G26" s="79">
        <v>16</v>
      </c>
      <c r="H26" s="78">
        <v>23.57</v>
      </c>
      <c r="I26" s="76">
        <v>3410</v>
      </c>
      <c r="J26" s="75">
        <v>18</v>
      </c>
      <c r="K26" s="77">
        <v>-4.08</v>
      </c>
      <c r="L26" s="76">
        <v>3350</v>
      </c>
      <c r="M26" s="75">
        <v>21</v>
      </c>
      <c r="N26" s="74">
        <v>-1.76</v>
      </c>
      <c r="O26" s="45">
        <v>3268</v>
      </c>
      <c r="P26" s="44">
        <v>19</v>
      </c>
      <c r="Q26" s="43">
        <v>-2.4500000000000002</v>
      </c>
      <c r="R26" s="30"/>
      <c r="S26" s="30"/>
    </row>
    <row r="27" spans="1:19" ht="19.5" customHeight="1" x14ac:dyDescent="0.15">
      <c r="A27" s="54">
        <v>22</v>
      </c>
      <c r="B27" s="53" t="s">
        <v>21</v>
      </c>
      <c r="C27" s="80">
        <v>2494</v>
      </c>
      <c r="D27" s="79">
        <v>28</v>
      </c>
      <c r="E27" s="78">
        <v>8.06</v>
      </c>
      <c r="F27" s="80">
        <v>2405</v>
      </c>
      <c r="G27" s="79">
        <v>31</v>
      </c>
      <c r="H27" s="78">
        <v>-3.57</v>
      </c>
      <c r="I27" s="76">
        <v>2992</v>
      </c>
      <c r="J27" s="75">
        <v>25</v>
      </c>
      <c r="K27" s="77">
        <v>24.41</v>
      </c>
      <c r="L27" s="76">
        <v>3314</v>
      </c>
      <c r="M27" s="75">
        <v>23</v>
      </c>
      <c r="N27" s="74">
        <v>10.76</v>
      </c>
      <c r="O27" s="45">
        <v>3041</v>
      </c>
      <c r="P27" s="44">
        <v>23</v>
      </c>
      <c r="Q27" s="43">
        <v>-8.24</v>
      </c>
      <c r="R27" s="30"/>
      <c r="S27" s="30"/>
    </row>
    <row r="28" spans="1:19" ht="19.5" customHeight="1" x14ac:dyDescent="0.15">
      <c r="A28" s="54">
        <v>23</v>
      </c>
      <c r="B28" s="53" t="s">
        <v>20</v>
      </c>
      <c r="C28" s="80">
        <v>3478</v>
      </c>
      <c r="D28" s="79">
        <v>11</v>
      </c>
      <c r="E28" s="78">
        <v>-2.85</v>
      </c>
      <c r="F28" s="80">
        <v>4057</v>
      </c>
      <c r="G28" s="79">
        <v>9</v>
      </c>
      <c r="H28" s="78">
        <v>16.649999999999999</v>
      </c>
      <c r="I28" s="76">
        <v>4065</v>
      </c>
      <c r="J28" s="75">
        <v>9</v>
      </c>
      <c r="K28" s="77">
        <v>0.2</v>
      </c>
      <c r="L28" s="76">
        <v>4796</v>
      </c>
      <c r="M28" s="75">
        <v>4</v>
      </c>
      <c r="N28" s="74">
        <v>17.98</v>
      </c>
      <c r="O28" s="45">
        <v>3908</v>
      </c>
      <c r="P28" s="44">
        <v>11</v>
      </c>
      <c r="Q28" s="43">
        <v>-18.52</v>
      </c>
      <c r="R28" s="30"/>
      <c r="S28" s="30"/>
    </row>
    <row r="29" spans="1:19" ht="19.5" customHeight="1" x14ac:dyDescent="0.15">
      <c r="A29" s="54">
        <v>24</v>
      </c>
      <c r="B29" s="53" t="s">
        <v>19</v>
      </c>
      <c r="C29" s="80">
        <v>3518</v>
      </c>
      <c r="D29" s="79">
        <v>9</v>
      </c>
      <c r="E29" s="78">
        <v>2.54</v>
      </c>
      <c r="F29" s="80">
        <v>3809</v>
      </c>
      <c r="G29" s="79">
        <v>10</v>
      </c>
      <c r="H29" s="78">
        <v>8.27</v>
      </c>
      <c r="I29" s="76">
        <v>3757</v>
      </c>
      <c r="J29" s="75">
        <v>14</v>
      </c>
      <c r="K29" s="77">
        <v>-1.37</v>
      </c>
      <c r="L29" s="76">
        <v>3809</v>
      </c>
      <c r="M29" s="75">
        <v>14</v>
      </c>
      <c r="N29" s="74">
        <v>1.38</v>
      </c>
      <c r="O29" s="45">
        <v>3073</v>
      </c>
      <c r="P29" s="44">
        <v>22</v>
      </c>
      <c r="Q29" s="43">
        <v>-19.32</v>
      </c>
      <c r="R29" s="30"/>
      <c r="S29" s="30"/>
    </row>
    <row r="30" spans="1:19" ht="19.5" customHeight="1" x14ac:dyDescent="0.15">
      <c r="A30" s="54">
        <v>25</v>
      </c>
      <c r="B30" s="53" t="s">
        <v>18</v>
      </c>
      <c r="C30" s="80">
        <v>2398</v>
      </c>
      <c r="D30" s="79">
        <v>30</v>
      </c>
      <c r="E30" s="78">
        <v>-10.99</v>
      </c>
      <c r="F30" s="80">
        <v>2656</v>
      </c>
      <c r="G30" s="79">
        <v>27</v>
      </c>
      <c r="H30" s="78">
        <v>10.76</v>
      </c>
      <c r="I30" s="76">
        <v>3053</v>
      </c>
      <c r="J30" s="75">
        <v>22</v>
      </c>
      <c r="K30" s="77">
        <v>14.95</v>
      </c>
      <c r="L30" s="76">
        <v>3550</v>
      </c>
      <c r="M30" s="75">
        <v>16</v>
      </c>
      <c r="N30" s="74">
        <v>16.28</v>
      </c>
      <c r="O30" s="45">
        <v>3476</v>
      </c>
      <c r="P30" s="44">
        <v>16</v>
      </c>
      <c r="Q30" s="43">
        <v>-2.08</v>
      </c>
      <c r="R30" s="30"/>
      <c r="S30" s="30"/>
    </row>
    <row r="31" spans="1:19" ht="19.5" customHeight="1" x14ac:dyDescent="0.15">
      <c r="A31" s="54">
        <v>26</v>
      </c>
      <c r="B31" s="53" t="s">
        <v>17</v>
      </c>
      <c r="C31" s="80">
        <v>1869</v>
      </c>
      <c r="D31" s="79">
        <v>32</v>
      </c>
      <c r="E31" s="78">
        <v>1.25</v>
      </c>
      <c r="F31" s="80">
        <v>4316</v>
      </c>
      <c r="G31" s="79">
        <v>6</v>
      </c>
      <c r="H31" s="78">
        <v>130.93</v>
      </c>
      <c r="I31" s="76">
        <v>3812</v>
      </c>
      <c r="J31" s="75">
        <v>13</v>
      </c>
      <c r="K31" s="77">
        <v>-11.68</v>
      </c>
      <c r="L31" s="76">
        <v>5583</v>
      </c>
      <c r="M31" s="75">
        <v>2</v>
      </c>
      <c r="N31" s="74">
        <v>46.46</v>
      </c>
      <c r="O31" s="45">
        <v>6146</v>
      </c>
      <c r="P31" s="44">
        <v>1</v>
      </c>
      <c r="Q31" s="43">
        <v>10.08</v>
      </c>
      <c r="R31" s="30"/>
      <c r="S31" s="30"/>
    </row>
    <row r="32" spans="1:19" ht="19.5" customHeight="1" x14ac:dyDescent="0.15">
      <c r="A32" s="54">
        <v>27</v>
      </c>
      <c r="B32" s="53" t="s">
        <v>16</v>
      </c>
      <c r="C32" s="80">
        <v>4203</v>
      </c>
      <c r="D32" s="79">
        <v>5</v>
      </c>
      <c r="E32" s="78">
        <v>8.44</v>
      </c>
      <c r="F32" s="80">
        <v>4543</v>
      </c>
      <c r="G32" s="79">
        <v>3</v>
      </c>
      <c r="H32" s="78">
        <v>8.09</v>
      </c>
      <c r="I32" s="76">
        <v>4431</v>
      </c>
      <c r="J32" s="75">
        <v>6</v>
      </c>
      <c r="K32" s="77">
        <v>-2.4700000000000002</v>
      </c>
      <c r="L32" s="76">
        <v>4457</v>
      </c>
      <c r="M32" s="75">
        <v>8</v>
      </c>
      <c r="N32" s="74">
        <v>0.59</v>
      </c>
      <c r="O32" s="45">
        <v>2140</v>
      </c>
      <c r="P32" s="44">
        <v>31</v>
      </c>
      <c r="Q32" s="43">
        <v>-51.99</v>
      </c>
      <c r="R32" s="30"/>
      <c r="S32" s="30"/>
    </row>
    <row r="33" spans="1:19" ht="19.5" customHeight="1" x14ac:dyDescent="0.15">
      <c r="A33" s="54">
        <v>28</v>
      </c>
      <c r="B33" s="53" t="s">
        <v>15</v>
      </c>
      <c r="C33" s="80">
        <v>4149</v>
      </c>
      <c r="D33" s="79">
        <v>6</v>
      </c>
      <c r="E33" s="78">
        <v>2.83</v>
      </c>
      <c r="F33" s="80">
        <v>4167</v>
      </c>
      <c r="G33" s="79">
        <v>7</v>
      </c>
      <c r="H33" s="78">
        <v>0.43</v>
      </c>
      <c r="I33" s="76">
        <v>4611</v>
      </c>
      <c r="J33" s="75">
        <v>3</v>
      </c>
      <c r="K33" s="77">
        <v>10.66</v>
      </c>
      <c r="L33" s="76">
        <v>5426</v>
      </c>
      <c r="M33" s="75">
        <v>3</v>
      </c>
      <c r="N33" s="74">
        <v>17.68</v>
      </c>
      <c r="O33" s="45">
        <v>3698</v>
      </c>
      <c r="P33" s="44">
        <v>13</v>
      </c>
      <c r="Q33" s="43">
        <v>-31.85</v>
      </c>
      <c r="R33" s="30"/>
      <c r="S33" s="30"/>
    </row>
    <row r="34" spans="1:19" ht="19.5" customHeight="1" x14ac:dyDescent="0.15">
      <c r="A34" s="54">
        <v>29</v>
      </c>
      <c r="B34" s="53" t="s">
        <v>14</v>
      </c>
      <c r="C34" s="80">
        <v>3515</v>
      </c>
      <c r="D34" s="79">
        <v>10</v>
      </c>
      <c r="E34" s="78">
        <v>1.06</v>
      </c>
      <c r="F34" s="80">
        <v>3243</v>
      </c>
      <c r="G34" s="79">
        <v>22</v>
      </c>
      <c r="H34" s="78">
        <v>-7.74</v>
      </c>
      <c r="I34" s="76">
        <v>3147</v>
      </c>
      <c r="J34" s="75">
        <v>21</v>
      </c>
      <c r="K34" s="77">
        <v>-2.96</v>
      </c>
      <c r="L34" s="76">
        <v>3229</v>
      </c>
      <c r="M34" s="75">
        <v>24</v>
      </c>
      <c r="N34" s="74">
        <v>2.61</v>
      </c>
      <c r="O34" s="45">
        <v>4863</v>
      </c>
      <c r="P34" s="44">
        <v>5</v>
      </c>
      <c r="Q34" s="43">
        <v>50.6</v>
      </c>
      <c r="R34" s="30"/>
      <c r="S34" s="30"/>
    </row>
    <row r="35" spans="1:19" ht="19.5" customHeight="1" x14ac:dyDescent="0.15">
      <c r="A35" s="54">
        <v>30</v>
      </c>
      <c r="B35" s="53" t="s">
        <v>13</v>
      </c>
      <c r="C35" s="80">
        <v>2755</v>
      </c>
      <c r="D35" s="79">
        <v>24</v>
      </c>
      <c r="E35" s="78">
        <v>3.92</v>
      </c>
      <c r="F35" s="80">
        <v>3495</v>
      </c>
      <c r="G35" s="79">
        <v>17</v>
      </c>
      <c r="H35" s="78">
        <v>26.86</v>
      </c>
      <c r="I35" s="76">
        <v>3833</v>
      </c>
      <c r="J35" s="75">
        <v>11</v>
      </c>
      <c r="K35" s="77">
        <v>9.67</v>
      </c>
      <c r="L35" s="76">
        <v>3616</v>
      </c>
      <c r="M35" s="75">
        <v>15</v>
      </c>
      <c r="N35" s="74">
        <v>-5.66</v>
      </c>
      <c r="O35" s="45">
        <v>4874</v>
      </c>
      <c r="P35" s="44">
        <v>4</v>
      </c>
      <c r="Q35" s="43">
        <v>34.79</v>
      </c>
      <c r="R35" s="30"/>
      <c r="S35" s="30"/>
    </row>
    <row r="36" spans="1:19" ht="19.5" customHeight="1" x14ac:dyDescent="0.15">
      <c r="A36" s="54">
        <v>31</v>
      </c>
      <c r="B36" s="53" t="s">
        <v>12</v>
      </c>
      <c r="C36" s="80">
        <v>3016</v>
      </c>
      <c r="D36" s="79">
        <v>19</v>
      </c>
      <c r="E36" s="78">
        <v>16.72</v>
      </c>
      <c r="F36" s="80">
        <v>3450</v>
      </c>
      <c r="G36" s="79">
        <v>19</v>
      </c>
      <c r="H36" s="78">
        <v>14.39</v>
      </c>
      <c r="I36" s="76">
        <v>3650</v>
      </c>
      <c r="J36" s="75">
        <v>15</v>
      </c>
      <c r="K36" s="77">
        <v>5.8</v>
      </c>
      <c r="L36" s="76">
        <v>3947</v>
      </c>
      <c r="M36" s="75">
        <v>12</v>
      </c>
      <c r="N36" s="74">
        <v>8.14</v>
      </c>
      <c r="O36" s="45">
        <v>2995</v>
      </c>
      <c r="P36" s="44">
        <v>24</v>
      </c>
      <c r="Q36" s="43">
        <v>-24.12</v>
      </c>
      <c r="R36" s="30"/>
      <c r="S36" s="30"/>
    </row>
    <row r="37" spans="1:19" ht="19.5" customHeight="1" x14ac:dyDescent="0.15">
      <c r="A37" s="54">
        <v>32</v>
      </c>
      <c r="B37" s="53" t="s">
        <v>11</v>
      </c>
      <c r="C37" s="80">
        <v>4731</v>
      </c>
      <c r="D37" s="79">
        <v>2</v>
      </c>
      <c r="E37" s="78">
        <v>3.23</v>
      </c>
      <c r="F37" s="80">
        <v>4691</v>
      </c>
      <c r="G37" s="79">
        <v>2</v>
      </c>
      <c r="H37" s="78">
        <v>-0.85</v>
      </c>
      <c r="I37" s="76">
        <v>4627</v>
      </c>
      <c r="J37" s="75">
        <v>2</v>
      </c>
      <c r="K37" s="77">
        <v>-1.36</v>
      </c>
      <c r="L37" s="76">
        <v>4782</v>
      </c>
      <c r="M37" s="75">
        <v>5</v>
      </c>
      <c r="N37" s="74">
        <v>3.35</v>
      </c>
      <c r="O37" s="45">
        <v>4933</v>
      </c>
      <c r="P37" s="44">
        <v>3</v>
      </c>
      <c r="Q37" s="43">
        <v>3.16</v>
      </c>
      <c r="R37" s="30"/>
      <c r="S37" s="30"/>
    </row>
    <row r="38" spans="1:19" ht="19.5" customHeight="1" thickBot="1" x14ac:dyDescent="0.2">
      <c r="A38" s="42">
        <v>33</v>
      </c>
      <c r="B38" s="41" t="s">
        <v>10</v>
      </c>
      <c r="C38" s="73">
        <v>5428</v>
      </c>
      <c r="D38" s="72">
        <v>1</v>
      </c>
      <c r="E38" s="71">
        <v>1.84</v>
      </c>
      <c r="F38" s="73">
        <v>5590</v>
      </c>
      <c r="G38" s="72">
        <v>1</v>
      </c>
      <c r="H38" s="71">
        <v>2.98</v>
      </c>
      <c r="I38" s="69">
        <v>5770</v>
      </c>
      <c r="J38" s="68">
        <v>1</v>
      </c>
      <c r="K38" s="70">
        <v>3.22</v>
      </c>
      <c r="L38" s="69">
        <v>5834</v>
      </c>
      <c r="M38" s="68">
        <v>1</v>
      </c>
      <c r="N38" s="67">
        <v>1.1100000000000001</v>
      </c>
      <c r="O38" s="33">
        <v>5454</v>
      </c>
      <c r="P38" s="32">
        <v>2</v>
      </c>
      <c r="Q38" s="31">
        <v>-6.51</v>
      </c>
      <c r="R38" s="30"/>
      <c r="S38" s="30"/>
    </row>
    <row r="39" spans="1:19" ht="19.5" customHeight="1" thickTop="1" x14ac:dyDescent="0.15">
      <c r="A39" s="66">
        <v>301</v>
      </c>
      <c r="B39" s="65" t="s">
        <v>9</v>
      </c>
      <c r="C39" s="64">
        <v>10279</v>
      </c>
      <c r="D39" s="63">
        <v>3</v>
      </c>
      <c r="E39" s="62">
        <v>4.63</v>
      </c>
      <c r="F39" s="64">
        <v>10882</v>
      </c>
      <c r="G39" s="63">
        <v>2</v>
      </c>
      <c r="H39" s="62">
        <v>5.87</v>
      </c>
      <c r="I39" s="60">
        <v>10785</v>
      </c>
      <c r="J39" s="59">
        <v>3</v>
      </c>
      <c r="K39" s="61">
        <v>-0.89</v>
      </c>
      <c r="L39" s="60">
        <v>11119</v>
      </c>
      <c r="M39" s="59">
        <v>3</v>
      </c>
      <c r="N39" s="58">
        <v>3.1</v>
      </c>
      <c r="O39" s="57">
        <v>10295</v>
      </c>
      <c r="P39" s="56">
        <v>1</v>
      </c>
      <c r="Q39" s="55">
        <v>-7.41</v>
      </c>
      <c r="R39" s="30"/>
      <c r="S39" s="30"/>
    </row>
    <row r="40" spans="1:19" ht="19.5" customHeight="1" x14ac:dyDescent="0.15">
      <c r="A40" s="54">
        <v>302</v>
      </c>
      <c r="B40" s="53" t="s">
        <v>8</v>
      </c>
      <c r="C40" s="52">
        <v>10926</v>
      </c>
      <c r="D40" s="51">
        <v>1</v>
      </c>
      <c r="E40" s="50">
        <v>5.2</v>
      </c>
      <c r="F40" s="52">
        <v>11034</v>
      </c>
      <c r="G40" s="51">
        <v>1</v>
      </c>
      <c r="H40" s="50">
        <v>0.99</v>
      </c>
      <c r="I40" s="48">
        <v>11281</v>
      </c>
      <c r="J40" s="47">
        <v>1</v>
      </c>
      <c r="K40" s="49">
        <v>2.2400000000000002</v>
      </c>
      <c r="L40" s="48">
        <v>11576</v>
      </c>
      <c r="M40" s="47">
        <v>1</v>
      </c>
      <c r="N40" s="46">
        <v>2.62</v>
      </c>
      <c r="O40" s="45">
        <v>8489</v>
      </c>
      <c r="P40" s="44">
        <v>4</v>
      </c>
      <c r="Q40" s="43">
        <v>-26.67</v>
      </c>
      <c r="R40" s="30"/>
      <c r="S40" s="30"/>
    </row>
    <row r="41" spans="1:19" ht="19.5" customHeight="1" x14ac:dyDescent="0.15">
      <c r="A41" s="54">
        <v>303</v>
      </c>
      <c r="B41" s="53" t="s">
        <v>7</v>
      </c>
      <c r="C41" s="52">
        <v>3848</v>
      </c>
      <c r="D41" s="51">
        <v>6</v>
      </c>
      <c r="E41" s="50">
        <v>1.29</v>
      </c>
      <c r="F41" s="52">
        <v>4559</v>
      </c>
      <c r="G41" s="51">
        <v>6</v>
      </c>
      <c r="H41" s="50">
        <v>18.48</v>
      </c>
      <c r="I41" s="48">
        <v>4676</v>
      </c>
      <c r="J41" s="47">
        <v>6</v>
      </c>
      <c r="K41" s="49">
        <v>2.57</v>
      </c>
      <c r="L41" s="48">
        <v>5055</v>
      </c>
      <c r="M41" s="47">
        <v>6</v>
      </c>
      <c r="N41" s="46">
        <v>8.11</v>
      </c>
      <c r="O41" s="45">
        <v>4595</v>
      </c>
      <c r="P41" s="44">
        <v>6</v>
      </c>
      <c r="Q41" s="43">
        <v>-9.1</v>
      </c>
      <c r="R41" s="30"/>
      <c r="S41" s="30"/>
    </row>
    <row r="42" spans="1:19" ht="19.5" customHeight="1" x14ac:dyDescent="0.15">
      <c r="A42" s="54">
        <v>304</v>
      </c>
      <c r="B42" s="53" t="s">
        <v>6</v>
      </c>
      <c r="C42" s="52">
        <v>9594</v>
      </c>
      <c r="D42" s="51">
        <v>4</v>
      </c>
      <c r="E42" s="50">
        <v>8.66</v>
      </c>
      <c r="F42" s="52">
        <v>9808</v>
      </c>
      <c r="G42" s="51">
        <v>4</v>
      </c>
      <c r="H42" s="50">
        <v>2.23</v>
      </c>
      <c r="I42" s="48">
        <v>9405</v>
      </c>
      <c r="J42" s="47">
        <v>4</v>
      </c>
      <c r="K42" s="49">
        <v>-4.1100000000000003</v>
      </c>
      <c r="L42" s="48">
        <v>9272</v>
      </c>
      <c r="M42" s="47">
        <v>4</v>
      </c>
      <c r="N42" s="46">
        <v>-1.41</v>
      </c>
      <c r="O42" s="45">
        <v>9048</v>
      </c>
      <c r="P42" s="44">
        <v>3</v>
      </c>
      <c r="Q42" s="43">
        <v>-2.42</v>
      </c>
      <c r="R42" s="30"/>
      <c r="S42" s="30"/>
    </row>
    <row r="43" spans="1:19" ht="19.5" customHeight="1" x14ac:dyDescent="0.15">
      <c r="A43" s="54">
        <v>305</v>
      </c>
      <c r="B43" s="53" t="s">
        <v>5</v>
      </c>
      <c r="C43" s="52">
        <v>10578</v>
      </c>
      <c r="D43" s="51">
        <v>2</v>
      </c>
      <c r="E43" s="50">
        <v>2.34</v>
      </c>
      <c r="F43" s="52">
        <v>10609</v>
      </c>
      <c r="G43" s="51">
        <v>3</v>
      </c>
      <c r="H43" s="50">
        <v>0.28999999999999998</v>
      </c>
      <c r="I43" s="48">
        <v>10986</v>
      </c>
      <c r="J43" s="47">
        <v>2</v>
      </c>
      <c r="K43" s="49">
        <v>3.55</v>
      </c>
      <c r="L43" s="48">
        <v>11304</v>
      </c>
      <c r="M43" s="47">
        <v>2</v>
      </c>
      <c r="N43" s="46">
        <v>2.89</v>
      </c>
      <c r="O43" s="45">
        <v>9654</v>
      </c>
      <c r="P43" s="44">
        <v>2</v>
      </c>
      <c r="Q43" s="43">
        <v>-14.6</v>
      </c>
      <c r="R43" s="30"/>
      <c r="S43" s="30"/>
    </row>
    <row r="44" spans="1:19" ht="19.5" customHeight="1" thickBot="1" x14ac:dyDescent="0.2">
      <c r="A44" s="42">
        <v>306</v>
      </c>
      <c r="B44" s="41" t="s">
        <v>4</v>
      </c>
      <c r="C44" s="40">
        <v>6595</v>
      </c>
      <c r="D44" s="39">
        <v>5</v>
      </c>
      <c r="E44" s="38">
        <v>3.13</v>
      </c>
      <c r="F44" s="40">
        <v>6779</v>
      </c>
      <c r="G44" s="39">
        <v>5</v>
      </c>
      <c r="H44" s="38">
        <v>2.79</v>
      </c>
      <c r="I44" s="36">
        <v>6914</v>
      </c>
      <c r="J44" s="35">
        <v>5</v>
      </c>
      <c r="K44" s="37">
        <v>1.99</v>
      </c>
      <c r="L44" s="36">
        <v>7011</v>
      </c>
      <c r="M44" s="35">
        <v>5</v>
      </c>
      <c r="N44" s="34">
        <v>1.4</v>
      </c>
      <c r="O44" s="33">
        <v>6171</v>
      </c>
      <c r="P44" s="32">
        <v>5</v>
      </c>
      <c r="Q44" s="31">
        <v>-11.98</v>
      </c>
      <c r="R44" s="30"/>
      <c r="S44" s="30"/>
    </row>
    <row r="45" spans="1:19" ht="19.5" customHeight="1" thickTop="1" thickBot="1" x14ac:dyDescent="0.2">
      <c r="A45" s="28" t="s">
        <v>3</v>
      </c>
      <c r="B45" s="27"/>
      <c r="C45" s="26">
        <v>2471</v>
      </c>
      <c r="D45" s="25"/>
      <c r="E45" s="24">
        <v>1.73</v>
      </c>
      <c r="F45" s="26">
        <v>2598</v>
      </c>
      <c r="G45" s="25"/>
      <c r="H45" s="24">
        <v>5.14</v>
      </c>
      <c r="I45" s="21">
        <v>2802</v>
      </c>
      <c r="J45" s="23"/>
      <c r="K45" s="22">
        <v>7.85</v>
      </c>
      <c r="L45" s="21">
        <v>2998</v>
      </c>
      <c r="M45" s="20"/>
      <c r="N45" s="19">
        <v>7</v>
      </c>
      <c r="O45" s="18">
        <v>2782</v>
      </c>
      <c r="P45" s="17" t="s">
        <v>0</v>
      </c>
      <c r="Q45" s="29">
        <v>-7.2</v>
      </c>
    </row>
    <row r="46" spans="1:19" ht="19.5" customHeight="1" thickTop="1" thickBot="1" x14ac:dyDescent="0.2">
      <c r="A46" s="28" t="s">
        <v>2</v>
      </c>
      <c r="B46" s="27"/>
      <c r="C46" s="26">
        <v>7424</v>
      </c>
      <c r="D46" s="25"/>
      <c r="E46" s="24">
        <v>4.12</v>
      </c>
      <c r="F46" s="26">
        <v>7729</v>
      </c>
      <c r="G46" s="25"/>
      <c r="H46" s="24">
        <v>4.1100000000000003</v>
      </c>
      <c r="I46" s="21">
        <v>7883</v>
      </c>
      <c r="J46" s="23"/>
      <c r="K46" s="22">
        <v>1.99</v>
      </c>
      <c r="L46" s="21">
        <v>8085</v>
      </c>
      <c r="M46" s="20"/>
      <c r="N46" s="19">
        <v>2.56</v>
      </c>
      <c r="O46" s="18">
        <v>6982</v>
      </c>
      <c r="P46" s="17" t="s">
        <v>0</v>
      </c>
      <c r="Q46" s="16">
        <v>-13.64</v>
      </c>
    </row>
    <row r="47" spans="1:19" ht="19.5" customHeight="1" thickTop="1" thickBot="1" x14ac:dyDescent="0.2">
      <c r="A47" s="15" t="s">
        <v>1</v>
      </c>
      <c r="B47" s="14"/>
      <c r="C47" s="13">
        <v>2784</v>
      </c>
      <c r="D47" s="12"/>
      <c r="E47" s="11">
        <v>2.09</v>
      </c>
      <c r="F47" s="13">
        <v>2933</v>
      </c>
      <c r="G47" s="12"/>
      <c r="H47" s="11">
        <v>5.35</v>
      </c>
      <c r="I47" s="8">
        <v>3140</v>
      </c>
      <c r="J47" s="10"/>
      <c r="K47" s="9">
        <v>7.06</v>
      </c>
      <c r="L47" s="8">
        <v>3345</v>
      </c>
      <c r="M47" s="7"/>
      <c r="N47" s="6">
        <v>6.53</v>
      </c>
      <c r="O47" s="5">
        <v>3073</v>
      </c>
      <c r="P47" s="4" t="s">
        <v>0</v>
      </c>
      <c r="Q47" s="3">
        <v>-8.1300000000000008</v>
      </c>
    </row>
    <row r="48" spans="1:19" ht="13.5" customHeight="1" x14ac:dyDescent="0.15">
      <c r="A48" s="2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</row>
  </sheetData>
  <mergeCells count="10">
    <mergeCell ref="A48:Q48"/>
    <mergeCell ref="A47:B47"/>
    <mergeCell ref="A3:B5"/>
    <mergeCell ref="A46:B46"/>
    <mergeCell ref="A45:B45"/>
    <mergeCell ref="O3:Q3"/>
    <mergeCell ref="F3:H3"/>
    <mergeCell ref="C3:E3"/>
    <mergeCell ref="I3:K3"/>
    <mergeCell ref="L3:N3"/>
  </mergeCells>
  <phoneticPr fontId="3"/>
  <printOptions horizontalCentered="1" gridLinesSet="0"/>
  <pageMargins left="0.59055118110236227" right="0.59055118110236227" top="0.59055118110236227" bottom="0.59055118110236227" header="0.35433070866141736" footer="0.19685039370078741"/>
  <pageSetup paperSize="9" scale="87" orientation="portrait" blackAndWhite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U51"/>
  <sheetViews>
    <sheetView zoomScaleNormal="100" zoomScaleSheetLayoutView="100" workbookViewId="0">
      <pane xSplit="2" ySplit="5" topLeftCell="C6" activePane="bottomRight" state="frozen"/>
      <selection pane="topRight" activeCell="C1" sqref="C1"/>
      <selection pane="bottomLeft" activeCell="A6" sqref="A6"/>
      <selection pane="bottomRight"/>
    </sheetView>
  </sheetViews>
  <sheetFormatPr defaultColWidth="9" defaultRowHeight="10.8" x14ac:dyDescent="0.15"/>
  <cols>
    <col min="1" max="1" width="3.6640625" style="1" customWidth="1"/>
    <col min="2" max="2" width="9.88671875" style="1" customWidth="1"/>
    <col min="3" max="3" width="8.109375" style="1" customWidth="1"/>
    <col min="4" max="4" width="3.109375" style="1" customWidth="1"/>
    <col min="5" max="5" width="6.6640625" style="1" customWidth="1"/>
    <col min="6" max="6" width="8.109375" style="1" customWidth="1"/>
    <col min="7" max="7" width="3.109375" style="1" customWidth="1"/>
    <col min="8" max="8" width="6.6640625" style="1" customWidth="1"/>
    <col min="9" max="9" width="8.109375" style="1" customWidth="1"/>
    <col min="10" max="10" width="3.109375" style="1" customWidth="1"/>
    <col min="11" max="11" width="6.6640625" style="1" customWidth="1"/>
    <col min="12" max="12" width="8.109375" style="1" customWidth="1"/>
    <col min="13" max="13" width="3.109375" style="1" customWidth="1"/>
    <col min="14" max="14" width="6.6640625" style="1" customWidth="1"/>
    <col min="15" max="15" width="8.109375" style="1" customWidth="1"/>
    <col min="16" max="16" width="3.109375" style="1" customWidth="1"/>
    <col min="17" max="17" width="6.6640625" style="1" customWidth="1"/>
    <col min="18" max="18" width="12" style="1" customWidth="1"/>
    <col min="19" max="19" width="9" style="230"/>
    <col min="20" max="20" width="16.88671875" style="230" customWidth="1"/>
    <col min="21" max="21" width="12.6640625" style="230" customWidth="1"/>
    <col min="22" max="16384" width="9" style="1"/>
  </cols>
  <sheetData>
    <row r="1" spans="1:21" ht="16.5" customHeight="1" x14ac:dyDescent="0.2">
      <c r="A1" s="120" t="s">
        <v>78</v>
      </c>
      <c r="B1" s="117"/>
      <c r="C1" s="117"/>
      <c r="D1" s="117"/>
      <c r="E1" s="117"/>
      <c r="F1" s="117"/>
      <c r="G1" s="117"/>
      <c r="H1" s="117"/>
      <c r="I1" s="117"/>
      <c r="J1" s="117"/>
      <c r="K1" s="117"/>
      <c r="L1" s="117"/>
      <c r="M1" s="117"/>
      <c r="N1" s="117"/>
      <c r="O1" s="117"/>
      <c r="P1" s="117"/>
      <c r="Q1" s="117"/>
      <c r="R1" s="243"/>
    </row>
    <row r="2" spans="1:21" ht="11.1" customHeight="1" thickBot="1" x14ac:dyDescent="0.2">
      <c r="A2" s="117"/>
      <c r="B2" s="117"/>
      <c r="C2" s="118"/>
      <c r="D2" s="118"/>
      <c r="E2" s="118"/>
      <c r="F2" s="118"/>
      <c r="G2" s="118"/>
      <c r="H2" s="118"/>
      <c r="I2" s="118"/>
      <c r="J2" s="118"/>
      <c r="K2" s="118"/>
      <c r="L2" s="118"/>
      <c r="M2" s="118"/>
      <c r="N2" s="118"/>
      <c r="O2" s="117"/>
      <c r="P2" s="117"/>
      <c r="Q2" s="117"/>
    </row>
    <row r="3" spans="1:21" ht="15" customHeight="1" x14ac:dyDescent="0.2">
      <c r="A3" s="116" t="s">
        <v>61</v>
      </c>
      <c r="B3" s="242"/>
      <c r="C3" s="112" t="s">
        <v>60</v>
      </c>
      <c r="D3" s="114"/>
      <c r="E3" s="113"/>
      <c r="F3" s="112" t="s">
        <v>59</v>
      </c>
      <c r="G3" s="108"/>
      <c r="H3" s="110"/>
      <c r="I3" s="111" t="s">
        <v>58</v>
      </c>
      <c r="J3" s="240"/>
      <c r="K3" s="241"/>
      <c r="L3" s="109" t="s">
        <v>57</v>
      </c>
      <c r="M3" s="240"/>
      <c r="N3" s="241"/>
      <c r="O3" s="109" t="s">
        <v>77</v>
      </c>
      <c r="P3" s="240"/>
      <c r="Q3" s="239"/>
    </row>
    <row r="4" spans="1:21" ht="12.75" customHeight="1" x14ac:dyDescent="0.15">
      <c r="A4" s="238"/>
      <c r="B4" s="237"/>
      <c r="C4" s="102" t="s">
        <v>75</v>
      </c>
      <c r="D4" s="236" t="s">
        <v>50</v>
      </c>
      <c r="E4" s="235" t="s">
        <v>55</v>
      </c>
      <c r="F4" s="99" t="s">
        <v>75</v>
      </c>
      <c r="G4" s="234" t="s">
        <v>50</v>
      </c>
      <c r="H4" s="100" t="s">
        <v>54</v>
      </c>
      <c r="I4" s="102" t="s">
        <v>75</v>
      </c>
      <c r="J4" s="101" t="s">
        <v>50</v>
      </c>
      <c r="K4" s="233" t="s">
        <v>53</v>
      </c>
      <c r="L4" s="99" t="s">
        <v>75</v>
      </c>
      <c r="M4" s="232" t="s">
        <v>50</v>
      </c>
      <c r="N4" s="100" t="s">
        <v>76</v>
      </c>
      <c r="O4" s="97" t="s">
        <v>75</v>
      </c>
      <c r="P4" s="96" t="s">
        <v>50</v>
      </c>
      <c r="Q4" s="95" t="s">
        <v>49</v>
      </c>
      <c r="T4" s="231"/>
    </row>
    <row r="5" spans="1:21" ht="12.75" customHeight="1" x14ac:dyDescent="0.15">
      <c r="A5" s="229"/>
      <c r="B5" s="228"/>
      <c r="C5" s="225" t="s">
        <v>45</v>
      </c>
      <c r="D5" s="227" t="s">
        <v>47</v>
      </c>
      <c r="E5" s="85" t="s">
        <v>43</v>
      </c>
      <c r="F5" s="86" t="s">
        <v>45</v>
      </c>
      <c r="G5" s="90" t="s">
        <v>74</v>
      </c>
      <c r="H5" s="226" t="s">
        <v>43</v>
      </c>
      <c r="I5" s="225" t="s">
        <v>45</v>
      </c>
      <c r="J5" s="224" t="s">
        <v>47</v>
      </c>
      <c r="K5" s="87" t="s">
        <v>43</v>
      </c>
      <c r="L5" s="86" t="s">
        <v>45</v>
      </c>
      <c r="M5" s="88" t="s">
        <v>73</v>
      </c>
      <c r="N5" s="223" t="s">
        <v>43</v>
      </c>
      <c r="O5" s="222" t="s">
        <v>45</v>
      </c>
      <c r="P5" s="85" t="s">
        <v>72</v>
      </c>
      <c r="Q5" s="221" t="s">
        <v>43</v>
      </c>
    </row>
    <row r="6" spans="1:21" ht="19.5" customHeight="1" x14ac:dyDescent="0.2">
      <c r="A6" s="54">
        <v>1</v>
      </c>
      <c r="B6" s="53" t="s">
        <v>42</v>
      </c>
      <c r="C6" s="198">
        <v>15470</v>
      </c>
      <c r="D6" s="197">
        <v>15</v>
      </c>
      <c r="E6" s="78">
        <v>-6.06</v>
      </c>
      <c r="F6" s="198">
        <v>16641</v>
      </c>
      <c r="G6" s="197">
        <v>11</v>
      </c>
      <c r="H6" s="78">
        <v>7.57</v>
      </c>
      <c r="I6" s="196">
        <v>15668</v>
      </c>
      <c r="J6" s="195">
        <v>8</v>
      </c>
      <c r="K6" s="77">
        <v>-5.85</v>
      </c>
      <c r="L6" s="76">
        <v>15385</v>
      </c>
      <c r="M6" s="194">
        <v>7</v>
      </c>
      <c r="N6" s="74">
        <v>-1.81</v>
      </c>
      <c r="O6" s="45">
        <v>11820</v>
      </c>
      <c r="P6" s="184">
        <v>8</v>
      </c>
      <c r="Q6" s="43">
        <v>-23.17</v>
      </c>
      <c r="R6" s="121"/>
      <c r="T6" s="244"/>
      <c r="U6" s="244"/>
    </row>
    <row r="7" spans="1:21" ht="19.5" customHeight="1" x14ac:dyDescent="0.2">
      <c r="A7" s="54">
        <v>2</v>
      </c>
      <c r="B7" s="53" t="s">
        <v>41</v>
      </c>
      <c r="C7" s="198">
        <v>19157</v>
      </c>
      <c r="D7" s="197">
        <v>11</v>
      </c>
      <c r="E7" s="78">
        <v>-29.3</v>
      </c>
      <c r="F7" s="198">
        <v>44502</v>
      </c>
      <c r="G7" s="197">
        <v>1</v>
      </c>
      <c r="H7" s="78">
        <v>132.30000000000001</v>
      </c>
      <c r="I7" s="196">
        <v>13614</v>
      </c>
      <c r="J7" s="195">
        <v>10</v>
      </c>
      <c r="K7" s="77">
        <v>-69.41</v>
      </c>
      <c r="L7" s="76">
        <v>14302</v>
      </c>
      <c r="M7" s="194">
        <v>8</v>
      </c>
      <c r="N7" s="74">
        <v>5.05</v>
      </c>
      <c r="O7" s="45">
        <v>12481</v>
      </c>
      <c r="P7" s="184">
        <v>5</v>
      </c>
      <c r="Q7" s="43">
        <v>-12.73</v>
      </c>
      <c r="R7" s="121"/>
      <c r="T7" s="244"/>
      <c r="U7" s="244"/>
    </row>
    <row r="8" spans="1:21" ht="19.5" customHeight="1" x14ac:dyDescent="0.2">
      <c r="A8" s="54">
        <v>3</v>
      </c>
      <c r="B8" s="53" t="s">
        <v>40</v>
      </c>
      <c r="C8" s="198">
        <v>18774</v>
      </c>
      <c r="D8" s="197">
        <v>12</v>
      </c>
      <c r="E8" s="78">
        <v>-9.74</v>
      </c>
      <c r="F8" s="198">
        <v>13225</v>
      </c>
      <c r="G8" s="197">
        <v>15</v>
      </c>
      <c r="H8" s="78">
        <v>-29.56</v>
      </c>
      <c r="I8" s="196">
        <v>3578</v>
      </c>
      <c r="J8" s="195">
        <v>22</v>
      </c>
      <c r="K8" s="77">
        <v>-72.95</v>
      </c>
      <c r="L8" s="76">
        <v>3266</v>
      </c>
      <c r="M8" s="194">
        <v>22</v>
      </c>
      <c r="N8" s="74">
        <v>-8.7200000000000006</v>
      </c>
      <c r="O8" s="45">
        <v>3145</v>
      </c>
      <c r="P8" s="184">
        <v>22</v>
      </c>
      <c r="Q8" s="43">
        <v>-3.7</v>
      </c>
      <c r="R8" s="121"/>
      <c r="T8" s="244"/>
      <c r="U8" s="244"/>
    </row>
    <row r="9" spans="1:21" ht="19.5" customHeight="1" x14ac:dyDescent="0.2">
      <c r="A9" s="54">
        <v>4</v>
      </c>
      <c r="B9" s="53" t="s">
        <v>39</v>
      </c>
      <c r="C9" s="198">
        <v>16375</v>
      </c>
      <c r="D9" s="197">
        <v>13</v>
      </c>
      <c r="E9" s="78">
        <v>-25.08</v>
      </c>
      <c r="F9" s="198">
        <v>15535</v>
      </c>
      <c r="G9" s="197">
        <v>12</v>
      </c>
      <c r="H9" s="78">
        <v>-5.13</v>
      </c>
      <c r="I9" s="196">
        <v>8189</v>
      </c>
      <c r="J9" s="195">
        <v>15</v>
      </c>
      <c r="K9" s="77">
        <v>-47.29</v>
      </c>
      <c r="L9" s="76">
        <v>4676</v>
      </c>
      <c r="M9" s="194">
        <v>19</v>
      </c>
      <c r="N9" s="74">
        <v>-42.9</v>
      </c>
      <c r="O9" s="45">
        <v>3418</v>
      </c>
      <c r="P9" s="184">
        <v>21</v>
      </c>
      <c r="Q9" s="43">
        <v>-26.9</v>
      </c>
      <c r="R9" s="121"/>
      <c r="T9" s="244"/>
      <c r="U9" s="244"/>
    </row>
    <row r="10" spans="1:21" ht="19.5" customHeight="1" x14ac:dyDescent="0.2">
      <c r="A10" s="54">
        <v>5</v>
      </c>
      <c r="B10" s="53" t="s">
        <v>38</v>
      </c>
      <c r="C10" s="198">
        <v>25355</v>
      </c>
      <c r="D10" s="197">
        <v>3</v>
      </c>
      <c r="E10" s="78">
        <v>90.3</v>
      </c>
      <c r="F10" s="198">
        <v>19419</v>
      </c>
      <c r="G10" s="197">
        <v>7</v>
      </c>
      <c r="H10" s="78">
        <v>-23.41</v>
      </c>
      <c r="I10" s="196">
        <v>19218</v>
      </c>
      <c r="J10" s="195">
        <v>4</v>
      </c>
      <c r="K10" s="77">
        <v>-1.04</v>
      </c>
      <c r="L10" s="76">
        <v>20855</v>
      </c>
      <c r="M10" s="194">
        <v>2</v>
      </c>
      <c r="N10" s="74">
        <v>8.52</v>
      </c>
      <c r="O10" s="45">
        <v>15094</v>
      </c>
      <c r="P10" s="184">
        <v>2</v>
      </c>
      <c r="Q10" s="43">
        <v>-27.62</v>
      </c>
      <c r="R10" s="121"/>
      <c r="T10" s="244"/>
      <c r="U10" s="244"/>
    </row>
    <row r="11" spans="1:21" ht="19.5" customHeight="1" x14ac:dyDescent="0.2">
      <c r="A11" s="54">
        <v>6</v>
      </c>
      <c r="B11" s="53" t="s">
        <v>37</v>
      </c>
      <c r="C11" s="198">
        <v>13545</v>
      </c>
      <c r="D11" s="197">
        <v>18</v>
      </c>
      <c r="E11" s="78">
        <v>18</v>
      </c>
      <c r="F11" s="198">
        <v>14346</v>
      </c>
      <c r="G11" s="197">
        <v>13</v>
      </c>
      <c r="H11" s="78">
        <v>5.91</v>
      </c>
      <c r="I11" s="196">
        <v>8105</v>
      </c>
      <c r="J11" s="195">
        <v>16</v>
      </c>
      <c r="K11" s="77">
        <v>-43.5</v>
      </c>
      <c r="L11" s="76">
        <v>7249</v>
      </c>
      <c r="M11" s="194">
        <v>15</v>
      </c>
      <c r="N11" s="74">
        <v>-10.56</v>
      </c>
      <c r="O11" s="45">
        <v>9614</v>
      </c>
      <c r="P11" s="184">
        <v>11</v>
      </c>
      <c r="Q11" s="43">
        <v>32.630000000000003</v>
      </c>
      <c r="R11" s="121"/>
      <c r="T11" s="244"/>
      <c r="U11" s="244"/>
    </row>
    <row r="12" spans="1:21" ht="19.5" customHeight="1" x14ac:dyDescent="0.2">
      <c r="A12" s="54">
        <v>7</v>
      </c>
      <c r="B12" s="53" t="s">
        <v>36</v>
      </c>
      <c r="C12" s="198">
        <v>7644</v>
      </c>
      <c r="D12" s="197">
        <v>23</v>
      </c>
      <c r="E12" s="78">
        <v>-50.83</v>
      </c>
      <c r="F12" s="198">
        <v>8667</v>
      </c>
      <c r="G12" s="197">
        <v>21</v>
      </c>
      <c r="H12" s="78">
        <v>13.38</v>
      </c>
      <c r="I12" s="196">
        <v>7400</v>
      </c>
      <c r="J12" s="195">
        <v>17</v>
      </c>
      <c r="K12" s="77">
        <v>-14.62</v>
      </c>
      <c r="L12" s="76">
        <v>6433</v>
      </c>
      <c r="M12" s="194">
        <v>17</v>
      </c>
      <c r="N12" s="74">
        <v>-13.07</v>
      </c>
      <c r="O12" s="45">
        <v>4174</v>
      </c>
      <c r="P12" s="184">
        <v>19</v>
      </c>
      <c r="Q12" s="43">
        <v>-35.119999999999997</v>
      </c>
      <c r="R12" s="121"/>
      <c r="T12" s="244"/>
      <c r="U12" s="244"/>
    </row>
    <row r="13" spans="1:21" ht="19.5" customHeight="1" x14ac:dyDescent="0.2">
      <c r="A13" s="54">
        <v>8</v>
      </c>
      <c r="B13" s="53" t="s">
        <v>35</v>
      </c>
      <c r="C13" s="198">
        <v>3588</v>
      </c>
      <c r="D13" s="197">
        <v>28</v>
      </c>
      <c r="E13" s="78">
        <v>-75.760000000000005</v>
      </c>
      <c r="F13" s="198">
        <v>4171</v>
      </c>
      <c r="G13" s="197">
        <v>24</v>
      </c>
      <c r="H13" s="78">
        <v>16.25</v>
      </c>
      <c r="I13" s="196">
        <v>4260</v>
      </c>
      <c r="J13" s="195">
        <v>21</v>
      </c>
      <c r="K13" s="77">
        <v>2.13</v>
      </c>
      <c r="L13" s="76">
        <v>4361</v>
      </c>
      <c r="M13" s="194">
        <v>20</v>
      </c>
      <c r="N13" s="74">
        <v>2.37</v>
      </c>
      <c r="O13" s="45">
        <v>3653</v>
      </c>
      <c r="P13" s="184">
        <v>20</v>
      </c>
      <c r="Q13" s="43">
        <v>-16.23</v>
      </c>
      <c r="R13" s="121"/>
      <c r="T13" s="244"/>
      <c r="U13" s="244"/>
    </row>
    <row r="14" spans="1:21" ht="19.5" customHeight="1" x14ac:dyDescent="0.2">
      <c r="A14" s="54">
        <v>9</v>
      </c>
      <c r="B14" s="53" t="s">
        <v>34</v>
      </c>
      <c r="C14" s="198">
        <v>24316</v>
      </c>
      <c r="D14" s="197">
        <v>5</v>
      </c>
      <c r="E14" s="78">
        <v>5.64</v>
      </c>
      <c r="F14" s="198">
        <v>25866</v>
      </c>
      <c r="G14" s="197">
        <v>3</v>
      </c>
      <c r="H14" s="78">
        <v>6.37</v>
      </c>
      <c r="I14" s="196">
        <v>12117</v>
      </c>
      <c r="J14" s="195">
        <v>12</v>
      </c>
      <c r="K14" s="77">
        <v>-53.15</v>
      </c>
      <c r="L14" s="76">
        <v>14098</v>
      </c>
      <c r="M14" s="194">
        <v>9</v>
      </c>
      <c r="N14" s="74">
        <v>16.350000000000001</v>
      </c>
      <c r="O14" s="45">
        <v>12852</v>
      </c>
      <c r="P14" s="184">
        <v>4</v>
      </c>
      <c r="Q14" s="43">
        <v>-8.84</v>
      </c>
      <c r="R14" s="121"/>
      <c r="T14" s="244"/>
      <c r="U14" s="244"/>
    </row>
    <row r="15" spans="1:21" ht="19.5" customHeight="1" x14ac:dyDescent="0.2">
      <c r="A15" s="54">
        <v>10</v>
      </c>
      <c r="B15" s="53" t="s">
        <v>33</v>
      </c>
      <c r="C15" s="198">
        <v>19709</v>
      </c>
      <c r="D15" s="197">
        <v>10</v>
      </c>
      <c r="E15" s="78">
        <v>-28.29</v>
      </c>
      <c r="F15" s="198">
        <v>20702</v>
      </c>
      <c r="G15" s="197">
        <v>6</v>
      </c>
      <c r="H15" s="78">
        <v>5.04</v>
      </c>
      <c r="I15" s="196">
        <v>17926</v>
      </c>
      <c r="J15" s="195">
        <v>6</v>
      </c>
      <c r="K15" s="77">
        <v>-13.41</v>
      </c>
      <c r="L15" s="76">
        <v>11358</v>
      </c>
      <c r="M15" s="194">
        <v>13</v>
      </c>
      <c r="N15" s="74">
        <v>-36.64</v>
      </c>
      <c r="O15" s="45">
        <v>4623</v>
      </c>
      <c r="P15" s="184">
        <v>17</v>
      </c>
      <c r="Q15" s="43">
        <v>-59.3</v>
      </c>
      <c r="R15" s="121"/>
      <c r="T15" s="244"/>
      <c r="U15" s="244"/>
    </row>
    <row r="16" spans="1:21" ht="19.5" customHeight="1" x14ac:dyDescent="0.2">
      <c r="A16" s="54">
        <v>11</v>
      </c>
      <c r="B16" s="53" t="s">
        <v>32</v>
      </c>
      <c r="C16" s="198">
        <v>7600</v>
      </c>
      <c r="D16" s="197">
        <v>24</v>
      </c>
      <c r="E16" s="78">
        <v>-58.49</v>
      </c>
      <c r="F16" s="198">
        <v>3948</v>
      </c>
      <c r="G16" s="197">
        <v>25</v>
      </c>
      <c r="H16" s="78">
        <v>-48.05</v>
      </c>
      <c r="I16" s="196">
        <v>6916</v>
      </c>
      <c r="J16" s="195">
        <v>18</v>
      </c>
      <c r="K16" s="77">
        <v>75.180000000000007</v>
      </c>
      <c r="L16" s="76">
        <v>4768</v>
      </c>
      <c r="M16" s="194">
        <v>18</v>
      </c>
      <c r="N16" s="74">
        <v>-31.06</v>
      </c>
      <c r="O16" s="45">
        <v>7554</v>
      </c>
      <c r="P16" s="184">
        <v>16</v>
      </c>
      <c r="Q16" s="43">
        <v>58.43</v>
      </c>
      <c r="R16" s="121"/>
      <c r="T16" s="244"/>
      <c r="U16" s="244"/>
    </row>
    <row r="17" spans="1:21" ht="19.5" customHeight="1" x14ac:dyDescent="0.2">
      <c r="A17" s="54">
        <v>12</v>
      </c>
      <c r="B17" s="53" t="s">
        <v>31</v>
      </c>
      <c r="C17" s="198">
        <v>13136</v>
      </c>
      <c r="D17" s="197">
        <v>19</v>
      </c>
      <c r="E17" s="78">
        <v>-33.61</v>
      </c>
      <c r="F17" s="198">
        <v>17811</v>
      </c>
      <c r="G17" s="197">
        <v>9</v>
      </c>
      <c r="H17" s="78">
        <v>35.590000000000003</v>
      </c>
      <c r="I17" s="196">
        <v>17970</v>
      </c>
      <c r="J17" s="195">
        <v>5</v>
      </c>
      <c r="K17" s="77">
        <v>0.89</v>
      </c>
      <c r="L17" s="76">
        <v>21740</v>
      </c>
      <c r="M17" s="194">
        <v>1</v>
      </c>
      <c r="N17" s="74">
        <v>20.98</v>
      </c>
      <c r="O17" s="45">
        <v>10270</v>
      </c>
      <c r="P17" s="184">
        <v>10</v>
      </c>
      <c r="Q17" s="43">
        <v>-52.76</v>
      </c>
      <c r="R17" s="121"/>
      <c r="T17" s="244"/>
      <c r="U17" s="244"/>
    </row>
    <row r="18" spans="1:21" ht="19.5" customHeight="1" x14ac:dyDescent="0.2">
      <c r="A18" s="54">
        <v>13</v>
      </c>
      <c r="B18" s="53" t="s">
        <v>30</v>
      </c>
      <c r="C18" s="198">
        <v>14927</v>
      </c>
      <c r="D18" s="197">
        <v>16</v>
      </c>
      <c r="E18" s="78">
        <v>-31.56</v>
      </c>
      <c r="F18" s="198">
        <v>9099</v>
      </c>
      <c r="G18" s="197">
        <v>20</v>
      </c>
      <c r="H18" s="78">
        <v>-39.04</v>
      </c>
      <c r="I18" s="196">
        <v>16992</v>
      </c>
      <c r="J18" s="195">
        <v>7</v>
      </c>
      <c r="K18" s="77">
        <v>86.75</v>
      </c>
      <c r="L18" s="76">
        <v>11610</v>
      </c>
      <c r="M18" s="194">
        <v>11</v>
      </c>
      <c r="N18" s="74">
        <v>-31.67</v>
      </c>
      <c r="O18" s="45">
        <v>4556</v>
      </c>
      <c r="P18" s="184">
        <v>18</v>
      </c>
      <c r="Q18" s="43">
        <v>-60.76</v>
      </c>
      <c r="R18" s="121"/>
      <c r="T18" s="244"/>
      <c r="U18" s="244"/>
    </row>
    <row r="19" spans="1:21" ht="19.5" customHeight="1" x14ac:dyDescent="0.2">
      <c r="A19" s="54">
        <v>14</v>
      </c>
      <c r="B19" s="53" t="s">
        <v>29</v>
      </c>
      <c r="C19" s="198">
        <v>20771</v>
      </c>
      <c r="D19" s="197">
        <v>8</v>
      </c>
      <c r="E19" s="78">
        <v>-2.25</v>
      </c>
      <c r="F19" s="198">
        <v>22222</v>
      </c>
      <c r="G19" s="197">
        <v>4</v>
      </c>
      <c r="H19" s="78">
        <v>6.99</v>
      </c>
      <c r="I19" s="196">
        <v>14898</v>
      </c>
      <c r="J19" s="195">
        <v>9</v>
      </c>
      <c r="K19" s="77">
        <v>-32.96</v>
      </c>
      <c r="L19" s="76">
        <v>13816</v>
      </c>
      <c r="M19" s="194">
        <v>10</v>
      </c>
      <c r="N19" s="74">
        <v>-7.26</v>
      </c>
      <c r="O19" s="45">
        <v>11032</v>
      </c>
      <c r="P19" s="184">
        <v>9</v>
      </c>
      <c r="Q19" s="43">
        <v>-20.149999999999999</v>
      </c>
      <c r="R19" s="121"/>
      <c r="T19" s="244"/>
      <c r="U19" s="244"/>
    </row>
    <row r="20" spans="1:21" ht="19.5" customHeight="1" x14ac:dyDescent="0.2">
      <c r="A20" s="54">
        <v>15</v>
      </c>
      <c r="B20" s="53" t="s">
        <v>28</v>
      </c>
      <c r="C20" s="198">
        <v>22295</v>
      </c>
      <c r="D20" s="197">
        <v>7</v>
      </c>
      <c r="E20" s="78">
        <v>5.68</v>
      </c>
      <c r="F20" s="198">
        <v>12584</v>
      </c>
      <c r="G20" s="197">
        <v>16</v>
      </c>
      <c r="H20" s="78">
        <v>-43.56</v>
      </c>
      <c r="I20" s="196">
        <v>6201</v>
      </c>
      <c r="J20" s="195">
        <v>19</v>
      </c>
      <c r="K20" s="77">
        <v>-50.72</v>
      </c>
      <c r="L20" s="76">
        <v>11515</v>
      </c>
      <c r="M20" s="194">
        <v>12</v>
      </c>
      <c r="N20" s="74">
        <v>85.7</v>
      </c>
      <c r="O20" s="45">
        <v>7917</v>
      </c>
      <c r="P20" s="184">
        <v>14</v>
      </c>
      <c r="Q20" s="43">
        <v>-31.25</v>
      </c>
      <c r="R20" s="121"/>
      <c r="T20" s="244"/>
      <c r="U20" s="244"/>
    </row>
    <row r="21" spans="1:21" ht="19.5" customHeight="1" x14ac:dyDescent="0.2">
      <c r="A21" s="54">
        <v>16</v>
      </c>
      <c r="B21" s="53" t="s">
        <v>27</v>
      </c>
      <c r="C21" s="198">
        <v>23241</v>
      </c>
      <c r="D21" s="197">
        <v>6</v>
      </c>
      <c r="E21" s="78">
        <v>27.61</v>
      </c>
      <c r="F21" s="198">
        <v>19102</v>
      </c>
      <c r="G21" s="197">
        <v>8</v>
      </c>
      <c r="H21" s="78">
        <v>-17.809999999999999</v>
      </c>
      <c r="I21" s="196">
        <v>23002</v>
      </c>
      <c r="J21" s="195">
        <v>1</v>
      </c>
      <c r="K21" s="77">
        <v>20.420000000000002</v>
      </c>
      <c r="L21" s="76">
        <v>20473</v>
      </c>
      <c r="M21" s="194">
        <v>4</v>
      </c>
      <c r="N21" s="74">
        <v>-10.99</v>
      </c>
      <c r="O21" s="45">
        <v>18410</v>
      </c>
      <c r="P21" s="184">
        <v>1</v>
      </c>
      <c r="Q21" s="43">
        <v>-10.08</v>
      </c>
      <c r="R21" s="121"/>
      <c r="T21" s="244"/>
      <c r="U21" s="244"/>
    </row>
    <row r="22" spans="1:21" ht="19.5" customHeight="1" x14ac:dyDescent="0.2">
      <c r="A22" s="54">
        <v>17</v>
      </c>
      <c r="B22" s="53" t="s">
        <v>26</v>
      </c>
      <c r="C22" s="198">
        <v>33459</v>
      </c>
      <c r="D22" s="197">
        <v>1</v>
      </c>
      <c r="E22" s="78">
        <v>14.58</v>
      </c>
      <c r="F22" s="198">
        <v>32441</v>
      </c>
      <c r="G22" s="197">
        <v>2</v>
      </c>
      <c r="H22" s="78">
        <v>-3.04</v>
      </c>
      <c r="I22" s="196">
        <v>22446</v>
      </c>
      <c r="J22" s="195">
        <v>3</v>
      </c>
      <c r="K22" s="77">
        <v>-30.81</v>
      </c>
      <c r="L22" s="76">
        <v>20516</v>
      </c>
      <c r="M22" s="194">
        <v>3</v>
      </c>
      <c r="N22" s="74">
        <v>-8.6</v>
      </c>
      <c r="O22" s="45">
        <v>14512</v>
      </c>
      <c r="P22" s="184">
        <v>3</v>
      </c>
      <c r="Q22" s="43">
        <v>-29.26</v>
      </c>
      <c r="R22" s="121"/>
      <c r="T22" s="244"/>
      <c r="U22" s="244"/>
    </row>
    <row r="23" spans="1:21" ht="19.5" customHeight="1" x14ac:dyDescent="0.2">
      <c r="A23" s="54">
        <v>18</v>
      </c>
      <c r="B23" s="53" t="s">
        <v>25</v>
      </c>
      <c r="C23" s="198">
        <v>597</v>
      </c>
      <c r="D23" s="197">
        <v>30</v>
      </c>
      <c r="E23" s="78">
        <v>-20.399999999999999</v>
      </c>
      <c r="F23" s="198">
        <v>786</v>
      </c>
      <c r="G23" s="197">
        <v>27</v>
      </c>
      <c r="H23" s="78">
        <v>31.66</v>
      </c>
      <c r="I23" s="196">
        <v>833</v>
      </c>
      <c r="J23" s="195">
        <v>25</v>
      </c>
      <c r="K23" s="77">
        <v>5.98</v>
      </c>
      <c r="L23" s="76">
        <v>629</v>
      </c>
      <c r="M23" s="194">
        <v>25</v>
      </c>
      <c r="N23" s="74">
        <v>-24.49</v>
      </c>
      <c r="O23" s="45">
        <v>773</v>
      </c>
      <c r="P23" s="184">
        <v>25</v>
      </c>
      <c r="Q23" s="43">
        <v>22.89</v>
      </c>
      <c r="R23" s="121"/>
      <c r="T23" s="244"/>
      <c r="U23" s="244"/>
    </row>
    <row r="24" spans="1:21" ht="19.5" customHeight="1" x14ac:dyDescent="0.2">
      <c r="A24" s="54">
        <v>19</v>
      </c>
      <c r="B24" s="53" t="s">
        <v>24</v>
      </c>
      <c r="C24" s="220">
        <v>7548</v>
      </c>
      <c r="D24" s="219">
        <v>25</v>
      </c>
      <c r="E24" s="50">
        <v>5.45</v>
      </c>
      <c r="F24" s="220">
        <v>7960</v>
      </c>
      <c r="G24" s="219">
        <v>22</v>
      </c>
      <c r="H24" s="50">
        <v>5.46</v>
      </c>
      <c r="I24" s="218">
        <v>10705</v>
      </c>
      <c r="J24" s="217">
        <v>14</v>
      </c>
      <c r="K24" s="49">
        <v>34.479999999999997</v>
      </c>
      <c r="L24" s="48">
        <v>8717</v>
      </c>
      <c r="M24" s="216">
        <v>14</v>
      </c>
      <c r="N24" s="46">
        <v>-18.57</v>
      </c>
      <c r="O24" s="45">
        <v>8940</v>
      </c>
      <c r="P24" s="215">
        <v>12</v>
      </c>
      <c r="Q24" s="43">
        <v>2.56</v>
      </c>
      <c r="R24" s="121"/>
      <c r="T24" s="244"/>
      <c r="U24" s="244"/>
    </row>
    <row r="25" spans="1:21" ht="19.5" customHeight="1" x14ac:dyDescent="0.2">
      <c r="A25" s="214">
        <v>20</v>
      </c>
      <c r="B25" s="53" t="s">
        <v>23</v>
      </c>
      <c r="C25" s="198">
        <v>11050</v>
      </c>
      <c r="D25" s="197">
        <v>20</v>
      </c>
      <c r="E25" s="78">
        <v>13.53</v>
      </c>
      <c r="F25" s="198">
        <v>9891</v>
      </c>
      <c r="G25" s="197">
        <v>19</v>
      </c>
      <c r="H25" s="78">
        <v>-10.49</v>
      </c>
      <c r="I25" s="196">
        <v>3517</v>
      </c>
      <c r="J25" s="195">
        <v>23</v>
      </c>
      <c r="K25" s="77">
        <v>-64.44</v>
      </c>
      <c r="L25" s="76">
        <v>2433</v>
      </c>
      <c r="M25" s="194">
        <v>23</v>
      </c>
      <c r="N25" s="74">
        <v>-30.82</v>
      </c>
      <c r="O25" s="45">
        <v>2447</v>
      </c>
      <c r="P25" s="184">
        <v>24</v>
      </c>
      <c r="Q25" s="43">
        <v>0.57999999999999996</v>
      </c>
      <c r="R25" s="121"/>
      <c r="T25" s="244"/>
      <c r="U25" s="244"/>
    </row>
    <row r="26" spans="1:21" ht="19.5" customHeight="1" x14ac:dyDescent="0.2">
      <c r="A26" s="214">
        <v>21</v>
      </c>
      <c r="B26" s="53" t="s">
        <v>22</v>
      </c>
      <c r="C26" s="198">
        <v>10715</v>
      </c>
      <c r="D26" s="197">
        <v>21</v>
      </c>
      <c r="E26" s="78">
        <v>8.48</v>
      </c>
      <c r="F26" s="198">
        <v>14254</v>
      </c>
      <c r="G26" s="197">
        <v>14</v>
      </c>
      <c r="H26" s="78">
        <v>33.03</v>
      </c>
      <c r="I26" s="196">
        <v>22852</v>
      </c>
      <c r="J26" s="195">
        <v>2</v>
      </c>
      <c r="K26" s="77">
        <v>60.32</v>
      </c>
      <c r="L26" s="76">
        <v>18004</v>
      </c>
      <c r="M26" s="194">
        <v>5</v>
      </c>
      <c r="N26" s="74">
        <v>-21.21</v>
      </c>
      <c r="O26" s="45">
        <v>12121</v>
      </c>
      <c r="P26" s="184">
        <v>7</v>
      </c>
      <c r="Q26" s="43">
        <v>-32.68</v>
      </c>
      <c r="R26" s="121"/>
      <c r="T26" s="244"/>
      <c r="U26" s="244"/>
    </row>
    <row r="27" spans="1:21" ht="19.5" customHeight="1" x14ac:dyDescent="0.2">
      <c r="A27" s="214">
        <v>22</v>
      </c>
      <c r="B27" s="53" t="s">
        <v>21</v>
      </c>
      <c r="C27" s="198">
        <v>26406</v>
      </c>
      <c r="D27" s="197">
        <v>2</v>
      </c>
      <c r="E27" s="78">
        <v>68.650000000000006</v>
      </c>
      <c r="F27" s="198">
        <v>10826</v>
      </c>
      <c r="G27" s="197">
        <v>17</v>
      </c>
      <c r="H27" s="78">
        <v>-59</v>
      </c>
      <c r="I27" s="196">
        <v>5858</v>
      </c>
      <c r="J27" s="195">
        <v>20</v>
      </c>
      <c r="K27" s="77">
        <v>-45.89</v>
      </c>
      <c r="L27" s="76">
        <v>3978</v>
      </c>
      <c r="M27" s="194">
        <v>21</v>
      </c>
      <c r="N27" s="74">
        <v>-32.090000000000003</v>
      </c>
      <c r="O27" s="45">
        <v>0</v>
      </c>
      <c r="P27" s="184">
        <v>26</v>
      </c>
      <c r="Q27" s="43">
        <v>-100</v>
      </c>
      <c r="R27" s="121"/>
      <c r="T27" s="244"/>
      <c r="U27" s="244"/>
    </row>
    <row r="28" spans="1:21" ht="19.5" customHeight="1" x14ac:dyDescent="0.2">
      <c r="A28" s="54">
        <v>23</v>
      </c>
      <c r="B28" s="53" t="s">
        <v>20</v>
      </c>
      <c r="C28" s="198">
        <v>0</v>
      </c>
      <c r="D28" s="197">
        <v>31</v>
      </c>
      <c r="E28" s="78" t="s">
        <v>0</v>
      </c>
      <c r="F28" s="198">
        <v>0</v>
      </c>
      <c r="G28" s="213">
        <v>28</v>
      </c>
      <c r="H28" s="212" t="s">
        <v>0</v>
      </c>
      <c r="I28" s="205">
        <v>0</v>
      </c>
      <c r="J28" s="204">
        <v>26</v>
      </c>
      <c r="K28" s="211" t="s">
        <v>0</v>
      </c>
      <c r="L28" s="205">
        <v>0</v>
      </c>
      <c r="M28" s="201">
        <v>26</v>
      </c>
      <c r="N28" s="200" t="s">
        <v>0</v>
      </c>
      <c r="O28" s="45">
        <v>0</v>
      </c>
      <c r="P28" s="184">
        <v>26</v>
      </c>
      <c r="Q28" s="183" t="s">
        <v>71</v>
      </c>
      <c r="R28" s="121"/>
      <c r="T28" s="244"/>
      <c r="U28" s="244"/>
    </row>
    <row r="29" spans="1:21" ht="19.5" customHeight="1" x14ac:dyDescent="0.2">
      <c r="A29" s="54">
        <v>24</v>
      </c>
      <c r="B29" s="53" t="s">
        <v>19</v>
      </c>
      <c r="C29" s="198">
        <v>20711</v>
      </c>
      <c r="D29" s="197">
        <v>9</v>
      </c>
      <c r="E29" s="78">
        <v>-6.85</v>
      </c>
      <c r="F29" s="198">
        <v>21937</v>
      </c>
      <c r="G29" s="197">
        <v>5</v>
      </c>
      <c r="H29" s="78">
        <v>5.92</v>
      </c>
      <c r="I29" s="196">
        <v>13451</v>
      </c>
      <c r="J29" s="195">
        <v>11</v>
      </c>
      <c r="K29" s="77">
        <v>-38.68</v>
      </c>
      <c r="L29" s="76">
        <v>6467</v>
      </c>
      <c r="M29" s="194">
        <v>16</v>
      </c>
      <c r="N29" s="74">
        <v>-51.92</v>
      </c>
      <c r="O29" s="45">
        <v>8685</v>
      </c>
      <c r="P29" s="184">
        <v>13</v>
      </c>
      <c r="Q29" s="43">
        <v>34.299999999999997</v>
      </c>
      <c r="R29" s="121"/>
      <c r="T29" s="244"/>
      <c r="U29" s="244"/>
    </row>
    <row r="30" spans="1:21" ht="19.5" customHeight="1" x14ac:dyDescent="0.2">
      <c r="A30" s="54">
        <v>25</v>
      </c>
      <c r="B30" s="53" t="s">
        <v>18</v>
      </c>
      <c r="C30" s="198">
        <v>4484</v>
      </c>
      <c r="D30" s="197">
        <v>27</v>
      </c>
      <c r="E30" s="78">
        <v>-21.95</v>
      </c>
      <c r="F30" s="198">
        <v>4829</v>
      </c>
      <c r="G30" s="197">
        <v>23</v>
      </c>
      <c r="H30" s="78">
        <v>7.69</v>
      </c>
      <c r="I30" s="196">
        <v>0</v>
      </c>
      <c r="J30" s="195">
        <v>26</v>
      </c>
      <c r="K30" s="77">
        <v>-100</v>
      </c>
      <c r="L30" s="76">
        <v>0</v>
      </c>
      <c r="M30" s="194">
        <v>26</v>
      </c>
      <c r="N30" s="74" t="s">
        <v>0</v>
      </c>
      <c r="O30" s="45">
        <v>0</v>
      </c>
      <c r="P30" s="184">
        <v>26</v>
      </c>
      <c r="Q30" s="183" t="s">
        <v>71</v>
      </c>
      <c r="R30" s="121"/>
      <c r="T30" s="244"/>
      <c r="U30" s="244"/>
    </row>
    <row r="31" spans="1:21" ht="19.5" customHeight="1" x14ac:dyDescent="0.2">
      <c r="A31" s="54">
        <v>26</v>
      </c>
      <c r="B31" s="53" t="s">
        <v>17</v>
      </c>
      <c r="C31" s="198">
        <v>6680</v>
      </c>
      <c r="D31" s="197">
        <v>26</v>
      </c>
      <c r="E31" s="78">
        <v>-29.03</v>
      </c>
      <c r="F31" s="198">
        <v>3593</v>
      </c>
      <c r="G31" s="197">
        <v>26</v>
      </c>
      <c r="H31" s="78">
        <v>-46.21</v>
      </c>
      <c r="I31" s="196">
        <v>0</v>
      </c>
      <c r="J31" s="195">
        <v>26</v>
      </c>
      <c r="K31" s="77">
        <v>-100</v>
      </c>
      <c r="L31" s="76">
        <v>0</v>
      </c>
      <c r="M31" s="194">
        <v>26</v>
      </c>
      <c r="N31" s="74" t="s">
        <v>0</v>
      </c>
      <c r="O31" s="45">
        <v>0</v>
      </c>
      <c r="P31" s="184">
        <v>26</v>
      </c>
      <c r="Q31" s="183" t="s">
        <v>71</v>
      </c>
      <c r="R31" s="121"/>
      <c r="T31" s="244"/>
      <c r="U31" s="244"/>
    </row>
    <row r="32" spans="1:21" ht="19.5" customHeight="1" x14ac:dyDescent="0.2">
      <c r="A32" s="54">
        <v>27</v>
      </c>
      <c r="B32" s="53" t="s">
        <v>16</v>
      </c>
      <c r="C32" s="198">
        <v>15761</v>
      </c>
      <c r="D32" s="197">
        <v>14</v>
      </c>
      <c r="E32" s="78">
        <v>12.47</v>
      </c>
      <c r="F32" s="198">
        <v>0</v>
      </c>
      <c r="G32" s="197">
        <v>28</v>
      </c>
      <c r="H32" s="78" t="s">
        <v>0</v>
      </c>
      <c r="I32" s="196">
        <v>0</v>
      </c>
      <c r="J32" s="195">
        <v>26</v>
      </c>
      <c r="K32" s="210" t="s">
        <v>0</v>
      </c>
      <c r="L32" s="76">
        <v>0</v>
      </c>
      <c r="M32" s="194">
        <v>26</v>
      </c>
      <c r="N32" s="209" t="s">
        <v>0</v>
      </c>
      <c r="O32" s="45">
        <v>7740</v>
      </c>
      <c r="P32" s="184">
        <v>15</v>
      </c>
      <c r="Q32" s="183" t="s">
        <v>71</v>
      </c>
      <c r="R32" s="121"/>
      <c r="T32" s="244"/>
      <c r="U32" s="244"/>
    </row>
    <row r="33" spans="1:21" ht="19.5" customHeight="1" x14ac:dyDescent="0.2">
      <c r="A33" s="54">
        <v>28</v>
      </c>
      <c r="B33" s="53" t="s">
        <v>15</v>
      </c>
      <c r="C33" s="198">
        <v>9775</v>
      </c>
      <c r="D33" s="197">
        <v>22</v>
      </c>
      <c r="E33" s="78">
        <v>-39.54</v>
      </c>
      <c r="F33" s="198">
        <v>10117</v>
      </c>
      <c r="G33" s="197">
        <v>18</v>
      </c>
      <c r="H33" s="78">
        <v>3.5</v>
      </c>
      <c r="I33" s="196">
        <v>1953</v>
      </c>
      <c r="J33" s="195">
        <v>24</v>
      </c>
      <c r="K33" s="77">
        <v>-80.7</v>
      </c>
      <c r="L33" s="76">
        <v>2073</v>
      </c>
      <c r="M33" s="194">
        <v>24</v>
      </c>
      <c r="N33" s="74">
        <v>6.14</v>
      </c>
      <c r="O33" s="45">
        <v>2810</v>
      </c>
      <c r="P33" s="184">
        <v>23</v>
      </c>
      <c r="Q33" s="43">
        <v>35.549999999999997</v>
      </c>
      <c r="R33" s="121"/>
      <c r="T33" s="244"/>
      <c r="U33" s="244"/>
    </row>
    <row r="34" spans="1:21" ht="19.5" customHeight="1" x14ac:dyDescent="0.2">
      <c r="A34" s="54">
        <v>29</v>
      </c>
      <c r="B34" s="53" t="s">
        <v>14</v>
      </c>
      <c r="C34" s="198">
        <v>2344</v>
      </c>
      <c r="D34" s="197">
        <v>29</v>
      </c>
      <c r="E34" s="78">
        <v>-93.15</v>
      </c>
      <c r="F34" s="198">
        <v>0</v>
      </c>
      <c r="G34" s="197">
        <v>28</v>
      </c>
      <c r="H34" s="78">
        <v>-100</v>
      </c>
      <c r="I34" s="196">
        <v>0</v>
      </c>
      <c r="J34" s="195">
        <v>26</v>
      </c>
      <c r="K34" s="77" t="s">
        <v>0</v>
      </c>
      <c r="L34" s="76">
        <v>0</v>
      </c>
      <c r="M34" s="194">
        <v>26</v>
      </c>
      <c r="N34" s="209" t="s">
        <v>0</v>
      </c>
      <c r="O34" s="45">
        <v>0</v>
      </c>
      <c r="P34" s="184">
        <v>26</v>
      </c>
      <c r="Q34" s="183" t="s">
        <v>71</v>
      </c>
      <c r="R34" s="121"/>
      <c r="T34" s="244"/>
      <c r="U34" s="244"/>
    </row>
    <row r="35" spans="1:21" ht="19.5" customHeight="1" x14ac:dyDescent="0.2">
      <c r="A35" s="54">
        <v>30</v>
      </c>
      <c r="B35" s="53" t="s">
        <v>13</v>
      </c>
      <c r="C35" s="208">
        <v>0</v>
      </c>
      <c r="D35" s="207">
        <v>31</v>
      </c>
      <c r="E35" s="206" t="s">
        <v>0</v>
      </c>
      <c r="F35" s="208">
        <v>0</v>
      </c>
      <c r="G35" s="207">
        <v>28</v>
      </c>
      <c r="H35" s="206" t="s">
        <v>0</v>
      </c>
      <c r="I35" s="205">
        <v>0</v>
      </c>
      <c r="J35" s="204">
        <v>26</v>
      </c>
      <c r="K35" s="203" t="s">
        <v>0</v>
      </c>
      <c r="L35" s="202">
        <v>0</v>
      </c>
      <c r="M35" s="201">
        <v>26</v>
      </c>
      <c r="N35" s="200" t="s">
        <v>0</v>
      </c>
      <c r="O35" s="45">
        <v>0</v>
      </c>
      <c r="P35" s="184">
        <v>26</v>
      </c>
      <c r="Q35" s="183" t="s">
        <v>71</v>
      </c>
      <c r="R35" s="121"/>
      <c r="T35" s="244"/>
      <c r="U35" s="244"/>
    </row>
    <row r="36" spans="1:21" ht="19.5" customHeight="1" x14ac:dyDescent="0.2">
      <c r="A36" s="54">
        <v>31</v>
      </c>
      <c r="B36" s="53" t="s">
        <v>12</v>
      </c>
      <c r="C36" s="208">
        <v>0</v>
      </c>
      <c r="D36" s="207">
        <v>31</v>
      </c>
      <c r="E36" s="206" t="s">
        <v>0</v>
      </c>
      <c r="F36" s="208">
        <v>0</v>
      </c>
      <c r="G36" s="207">
        <v>28</v>
      </c>
      <c r="H36" s="206" t="s">
        <v>0</v>
      </c>
      <c r="I36" s="205">
        <v>0</v>
      </c>
      <c r="J36" s="204">
        <v>26</v>
      </c>
      <c r="K36" s="203" t="s">
        <v>0</v>
      </c>
      <c r="L36" s="202">
        <v>0</v>
      </c>
      <c r="M36" s="201">
        <v>26</v>
      </c>
      <c r="N36" s="200" t="s">
        <v>0</v>
      </c>
      <c r="O36" s="45">
        <v>0</v>
      </c>
      <c r="P36" s="184">
        <v>26</v>
      </c>
      <c r="Q36" s="183" t="s">
        <v>71</v>
      </c>
      <c r="R36" s="121"/>
      <c r="T36" s="244"/>
      <c r="U36" s="244"/>
    </row>
    <row r="37" spans="1:21" ht="19.5" customHeight="1" x14ac:dyDescent="0.2">
      <c r="A37" s="54">
        <v>32</v>
      </c>
      <c r="B37" s="53" t="s">
        <v>11</v>
      </c>
      <c r="C37" s="198">
        <v>25122</v>
      </c>
      <c r="D37" s="197">
        <v>4</v>
      </c>
      <c r="E37" s="199">
        <v>-25.35</v>
      </c>
      <c r="F37" s="198">
        <v>17397</v>
      </c>
      <c r="G37" s="197">
        <v>10</v>
      </c>
      <c r="H37" s="78">
        <v>-30.75</v>
      </c>
      <c r="I37" s="196">
        <v>11091</v>
      </c>
      <c r="J37" s="195">
        <v>13</v>
      </c>
      <c r="K37" s="77">
        <v>-36.25</v>
      </c>
      <c r="L37" s="76">
        <v>16500</v>
      </c>
      <c r="M37" s="194">
        <v>6</v>
      </c>
      <c r="N37" s="74">
        <v>48.77</v>
      </c>
      <c r="O37" s="45">
        <v>12206</v>
      </c>
      <c r="P37" s="184">
        <v>6</v>
      </c>
      <c r="Q37" s="43">
        <v>-26.02</v>
      </c>
      <c r="R37" s="121"/>
      <c r="T37" s="244"/>
      <c r="U37" s="244"/>
    </row>
    <row r="38" spans="1:21" ht="19.5" customHeight="1" thickBot="1" x14ac:dyDescent="0.25">
      <c r="A38" s="54">
        <v>33</v>
      </c>
      <c r="B38" s="53" t="s">
        <v>10</v>
      </c>
      <c r="C38" s="193">
        <v>14755</v>
      </c>
      <c r="D38" s="192">
        <v>17</v>
      </c>
      <c r="E38" s="191" t="s">
        <v>0</v>
      </c>
      <c r="F38" s="193">
        <v>0</v>
      </c>
      <c r="G38" s="192">
        <v>28</v>
      </c>
      <c r="H38" s="191" t="s">
        <v>0</v>
      </c>
      <c r="I38" s="190">
        <v>0</v>
      </c>
      <c r="J38" s="189">
        <v>26</v>
      </c>
      <c r="K38" s="188" t="s">
        <v>0</v>
      </c>
      <c r="L38" s="187">
        <v>0</v>
      </c>
      <c r="M38" s="186">
        <v>26</v>
      </c>
      <c r="N38" s="185" t="s">
        <v>0</v>
      </c>
      <c r="O38" s="45">
        <v>0</v>
      </c>
      <c r="P38" s="184">
        <v>26</v>
      </c>
      <c r="Q38" s="183" t="s">
        <v>71</v>
      </c>
      <c r="R38" s="121"/>
      <c r="T38" s="244"/>
      <c r="U38" s="244"/>
    </row>
    <row r="39" spans="1:21" ht="19.5" hidden="1" customHeight="1" thickTop="1" x14ac:dyDescent="0.25">
      <c r="A39" s="54">
        <v>34</v>
      </c>
      <c r="B39" s="172" t="s">
        <v>70</v>
      </c>
      <c r="C39" s="182" t="s">
        <v>0</v>
      </c>
      <c r="D39" s="181" t="s">
        <v>0</v>
      </c>
      <c r="E39" s="180" t="s">
        <v>0</v>
      </c>
      <c r="F39" s="182" t="s">
        <v>0</v>
      </c>
      <c r="G39" s="181" t="s">
        <v>0</v>
      </c>
      <c r="H39" s="180" t="s">
        <v>0</v>
      </c>
      <c r="I39" s="179" t="s">
        <v>0</v>
      </c>
      <c r="J39" s="178" t="s">
        <v>0</v>
      </c>
      <c r="K39" s="177" t="s">
        <v>0</v>
      </c>
      <c r="L39" s="176" t="s">
        <v>0</v>
      </c>
      <c r="M39" s="175" t="s">
        <v>0</v>
      </c>
      <c r="N39" s="174" t="s">
        <v>0</v>
      </c>
      <c r="O39" s="162" t="s">
        <v>0</v>
      </c>
      <c r="P39" s="161" t="s">
        <v>0</v>
      </c>
      <c r="Q39" s="173" t="s">
        <v>0</v>
      </c>
      <c r="R39" s="121"/>
    </row>
    <row r="40" spans="1:21" ht="19.5" hidden="1" customHeight="1" x14ac:dyDescent="0.25">
      <c r="A40" s="54">
        <v>35</v>
      </c>
      <c r="B40" s="172" t="s">
        <v>69</v>
      </c>
      <c r="C40" s="171" t="s">
        <v>67</v>
      </c>
      <c r="D40" s="170" t="s">
        <v>67</v>
      </c>
      <c r="E40" s="169" t="s">
        <v>67</v>
      </c>
      <c r="F40" s="171" t="s">
        <v>67</v>
      </c>
      <c r="G40" s="170" t="s">
        <v>67</v>
      </c>
      <c r="H40" s="169" t="s">
        <v>67</v>
      </c>
      <c r="I40" s="168" t="s">
        <v>67</v>
      </c>
      <c r="J40" s="167" t="s">
        <v>67</v>
      </c>
      <c r="K40" s="166" t="s">
        <v>67</v>
      </c>
      <c r="L40" s="165" t="s">
        <v>67</v>
      </c>
      <c r="M40" s="164" t="s">
        <v>67</v>
      </c>
      <c r="N40" s="163" t="s">
        <v>67</v>
      </c>
      <c r="O40" s="162" t="s">
        <v>67</v>
      </c>
      <c r="P40" s="161" t="s">
        <v>67</v>
      </c>
      <c r="Q40" s="160" t="s">
        <v>67</v>
      </c>
      <c r="R40" s="121"/>
    </row>
    <row r="41" spans="1:21" ht="19.5" hidden="1" customHeight="1" x14ac:dyDescent="0.25">
      <c r="A41" s="54">
        <v>36</v>
      </c>
      <c r="B41" s="172" t="s">
        <v>68</v>
      </c>
      <c r="C41" s="171" t="s">
        <v>67</v>
      </c>
      <c r="D41" s="170" t="s">
        <v>67</v>
      </c>
      <c r="E41" s="169" t="s">
        <v>67</v>
      </c>
      <c r="F41" s="171" t="s">
        <v>67</v>
      </c>
      <c r="G41" s="170" t="s">
        <v>67</v>
      </c>
      <c r="H41" s="169" t="s">
        <v>67</v>
      </c>
      <c r="I41" s="168" t="s">
        <v>67</v>
      </c>
      <c r="J41" s="167" t="s">
        <v>67</v>
      </c>
      <c r="K41" s="166" t="s">
        <v>67</v>
      </c>
      <c r="L41" s="165" t="s">
        <v>67</v>
      </c>
      <c r="M41" s="164" t="s">
        <v>67</v>
      </c>
      <c r="N41" s="163" t="s">
        <v>67</v>
      </c>
      <c r="O41" s="162" t="s">
        <v>67</v>
      </c>
      <c r="P41" s="161" t="s">
        <v>67</v>
      </c>
      <c r="Q41" s="160" t="s">
        <v>67</v>
      </c>
      <c r="R41" s="121"/>
    </row>
    <row r="42" spans="1:21" ht="19.5" hidden="1" customHeight="1" thickBot="1" x14ac:dyDescent="0.25">
      <c r="A42" s="54">
        <v>37</v>
      </c>
      <c r="B42" s="159" t="s">
        <v>66</v>
      </c>
      <c r="C42" s="158" t="s">
        <v>0</v>
      </c>
      <c r="D42" s="157" t="s">
        <v>0</v>
      </c>
      <c r="E42" s="156" t="s">
        <v>0</v>
      </c>
      <c r="F42" s="158" t="s">
        <v>0</v>
      </c>
      <c r="G42" s="157" t="s">
        <v>0</v>
      </c>
      <c r="H42" s="156" t="s">
        <v>0</v>
      </c>
      <c r="I42" s="155" t="s">
        <v>0</v>
      </c>
      <c r="J42" s="154" t="s">
        <v>0</v>
      </c>
      <c r="K42" s="153" t="s">
        <v>0</v>
      </c>
      <c r="L42" s="152" t="s">
        <v>0</v>
      </c>
      <c r="M42" s="151" t="s">
        <v>0</v>
      </c>
      <c r="N42" s="150" t="s">
        <v>0</v>
      </c>
      <c r="O42" s="102" t="s">
        <v>0</v>
      </c>
      <c r="P42" s="101" t="s">
        <v>0</v>
      </c>
      <c r="Q42" s="149" t="s">
        <v>0</v>
      </c>
      <c r="R42" s="121"/>
    </row>
    <row r="43" spans="1:21" ht="19.5" customHeight="1" thickTop="1" thickBot="1" x14ac:dyDescent="0.25">
      <c r="A43" s="148" t="s">
        <v>65</v>
      </c>
      <c r="B43" s="147"/>
      <c r="C43" s="145">
        <v>16671</v>
      </c>
      <c r="D43" s="144" t="s">
        <v>0</v>
      </c>
      <c r="E43" s="146">
        <v>-15.23</v>
      </c>
      <c r="F43" s="145">
        <v>16141</v>
      </c>
      <c r="G43" s="144" t="s">
        <v>0</v>
      </c>
      <c r="H43" s="24">
        <v>-3.18</v>
      </c>
      <c r="I43" s="143">
        <v>13963</v>
      </c>
      <c r="J43" s="20" t="s">
        <v>0</v>
      </c>
      <c r="K43" s="22">
        <v>-13.49</v>
      </c>
      <c r="L43" s="21">
        <v>13036</v>
      </c>
      <c r="M43" s="20" t="s">
        <v>0</v>
      </c>
      <c r="N43" s="19">
        <v>-6.64</v>
      </c>
      <c r="O43" s="18">
        <v>9857</v>
      </c>
      <c r="P43" s="17" t="s">
        <v>0</v>
      </c>
      <c r="Q43" s="16">
        <v>-24.39</v>
      </c>
      <c r="R43" s="121"/>
    </row>
    <row r="44" spans="1:21" ht="19.5" customHeight="1" thickTop="1" thickBot="1" x14ac:dyDescent="0.25">
      <c r="A44" s="142" t="s">
        <v>64</v>
      </c>
      <c r="B44" s="141"/>
      <c r="C44" s="139">
        <v>11517</v>
      </c>
      <c r="D44" s="138" t="s">
        <v>0</v>
      </c>
      <c r="E44" s="140">
        <v>-12.88</v>
      </c>
      <c r="F44" s="139">
        <v>7787</v>
      </c>
      <c r="G44" s="138" t="s">
        <v>0</v>
      </c>
      <c r="H44" s="38">
        <v>-32.39</v>
      </c>
      <c r="I44" s="137">
        <v>4606</v>
      </c>
      <c r="J44" s="136" t="s">
        <v>0</v>
      </c>
      <c r="K44" s="37">
        <v>-40.85</v>
      </c>
      <c r="L44" s="36">
        <v>4585</v>
      </c>
      <c r="M44" s="136" t="s">
        <v>0</v>
      </c>
      <c r="N44" s="34">
        <v>-0.46</v>
      </c>
      <c r="O44" s="135">
        <v>3934</v>
      </c>
      <c r="P44" s="134" t="s">
        <v>0</v>
      </c>
      <c r="Q44" s="29">
        <v>-14.2</v>
      </c>
      <c r="R44" s="121"/>
    </row>
    <row r="45" spans="1:21" ht="19.5" customHeight="1" thickTop="1" thickBot="1" x14ac:dyDescent="0.25">
      <c r="A45" s="133" t="s">
        <v>63</v>
      </c>
      <c r="B45" s="132"/>
      <c r="C45" s="130">
        <v>16475</v>
      </c>
      <c r="D45" s="129" t="s">
        <v>0</v>
      </c>
      <c r="E45" s="131">
        <v>-15.15</v>
      </c>
      <c r="F45" s="130">
        <v>15812</v>
      </c>
      <c r="G45" s="129" t="s">
        <v>0</v>
      </c>
      <c r="H45" s="128">
        <v>-4.0199999999999996</v>
      </c>
      <c r="I45" s="127">
        <v>13596</v>
      </c>
      <c r="J45" s="124" t="s">
        <v>0</v>
      </c>
      <c r="K45" s="126">
        <v>-14.01</v>
      </c>
      <c r="L45" s="125">
        <v>12705</v>
      </c>
      <c r="M45" s="124" t="s">
        <v>0</v>
      </c>
      <c r="N45" s="123">
        <v>-6.55</v>
      </c>
      <c r="O45" s="5">
        <v>9626</v>
      </c>
      <c r="P45" s="4" t="s">
        <v>0</v>
      </c>
      <c r="Q45" s="122">
        <v>-24.23</v>
      </c>
      <c r="R45" s="121"/>
      <c r="U45" s="245"/>
    </row>
    <row r="46" spans="1:21" ht="16.5" customHeight="1" x14ac:dyDescent="0.15"/>
    <row r="47" spans="1:21" ht="16.5" customHeight="1" x14ac:dyDescent="0.15"/>
    <row r="48" spans="1:21" ht="16.5" customHeight="1" x14ac:dyDescent="0.15"/>
    <row r="49" ht="16.5" customHeight="1" x14ac:dyDescent="0.15"/>
    <row r="50" ht="16.5" customHeight="1" x14ac:dyDescent="0.15"/>
    <row r="51" ht="16.5" customHeight="1" x14ac:dyDescent="0.15"/>
  </sheetData>
  <mergeCells count="9">
    <mergeCell ref="A45:B45"/>
    <mergeCell ref="A43:B43"/>
    <mergeCell ref="A44:B44"/>
    <mergeCell ref="A3:B5"/>
    <mergeCell ref="O3:Q3"/>
    <mergeCell ref="C3:E3"/>
    <mergeCell ref="F3:H3"/>
    <mergeCell ref="I3:K3"/>
    <mergeCell ref="L3:N3"/>
  </mergeCells>
  <phoneticPr fontId="5"/>
  <conditionalFormatting sqref="R6:R45">
    <cfRule type="cellIs" dxfId="0" priority="1" stopIfTrue="1" operator="notEqual">
      <formula>#REF!</formula>
    </cfRule>
  </conditionalFormatting>
  <printOptions horizontalCentered="1" gridLinesSet="0"/>
  <pageMargins left="0.39370078740157483" right="0.39370078740157483" top="0.59055118110236227" bottom="0.59055118110236227" header="0.51181102362204722" footer="0.51181102362204722"/>
  <pageSetup paperSize="9" scale="85" orientation="portrait" blackAndWhite="1" r:id="rId1"/>
  <headerFooter alignWithMargins="0"/>
  <colBreaks count="2" manualBreakCount="2">
    <brk id="17" max="1048575" man="1"/>
    <brk id="1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一人当たりの保健事業の推移</vt:lpstr>
      <vt:lpstr>一人当たり一般会計繰入金（その他）の推移</vt:lpstr>
      <vt:lpstr>一人当たりの保健事業の推移!Print_Area</vt:lpstr>
      <vt:lpstr>'一人当たり一般会計繰入金（その他）の推移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7-21T05:37:05Z</dcterms:created>
  <dcterms:modified xsi:type="dcterms:W3CDTF">2022-07-21T05:45:48Z</dcterms:modified>
</cp:coreProperties>
</file>